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staff.ad.griffith.edu.au\ud\fr\s5081474\Desktop\externe HD\PhD\Thesis\chapters\Chapter 5, reliability, floor and ceiling effects and influencing variables\Submission\PeerJ\"/>
    </mc:Choice>
  </mc:AlternateContent>
  <xr:revisionPtr revIDLastSave="0" documentId="13_ncr:1_{83B87F83-C9A6-47E2-825F-89AF1F3CBADB}" xr6:coauthVersionLast="45" xr6:coauthVersionMax="45" xr10:uidLastSave="{00000000-0000-0000-0000-000000000000}"/>
  <bookViews>
    <workbookView xWindow="-108" yWindow="-108" windowWidth="23256" windowHeight="12576" xr2:uid="{00000000-000D-0000-FFFF-FFFF00000000}"/>
  </bookViews>
  <sheets>
    <sheet name="Data experiment 1" sheetId="1" r:id="rId1"/>
    <sheet name="labels" sheetId="2" r:id="rId2"/>
  </sheets>
  <calcPr calcId="125725"/>
</workbook>
</file>

<file path=xl/sharedStrings.xml><?xml version="1.0" encoding="utf-8"?>
<sst xmlns="http://schemas.openxmlformats.org/spreadsheetml/2006/main" count="134" uniqueCount="89">
  <si>
    <t>RandOrder</t>
  </si>
  <si>
    <t>Participant</t>
  </si>
  <si>
    <t>Age</t>
  </si>
  <si>
    <t>Gender</t>
  </si>
  <si>
    <t>LocT1AS</t>
  </si>
  <si>
    <t>LocT2AS</t>
  </si>
  <si>
    <t>LocT3AS</t>
  </si>
  <si>
    <t>LocT1avRT</t>
  </si>
  <si>
    <t>LocT2avRT</t>
  </si>
  <si>
    <t>LocT3avRT</t>
  </si>
  <si>
    <t>LocT1RCS</t>
  </si>
  <si>
    <t>LocT2RCS</t>
  </si>
  <si>
    <t>LocT3RCS</t>
  </si>
  <si>
    <t>OriT1AS</t>
  </si>
  <si>
    <t>OriT2AS</t>
  </si>
  <si>
    <t>OriT3AS</t>
  </si>
  <si>
    <t>OriT1avRT</t>
  </si>
  <si>
    <t>OriT2avRT</t>
  </si>
  <si>
    <t>OriT3avRT</t>
  </si>
  <si>
    <t>OriT1RCS</t>
  </si>
  <si>
    <t>OriT2RCS</t>
  </si>
  <si>
    <t>OriT3RCS</t>
  </si>
  <si>
    <t>OverallT1AS</t>
  </si>
  <si>
    <t>OverallT2AS</t>
  </si>
  <si>
    <t>OverallT3AS</t>
  </si>
  <si>
    <t>OverallT1avRT</t>
  </si>
  <si>
    <t>OverallT2avRT</t>
  </si>
  <si>
    <t>OverallT3avRT</t>
  </si>
  <si>
    <t>OverallT1RCS</t>
  </si>
  <si>
    <t>OverallT2RCS</t>
  </si>
  <si>
    <t>OverallT3RCS</t>
  </si>
  <si>
    <t>TpdtT1THAv</t>
  </si>
  <si>
    <t>TpdtT2THAv</t>
  </si>
  <si>
    <t>TpdtT3THAv</t>
  </si>
  <si>
    <t>LocASAv</t>
  </si>
  <si>
    <t>LocAvRTAv</t>
  </si>
  <si>
    <t>LocRCSAv</t>
  </si>
  <si>
    <t>OriASAv</t>
  </si>
  <si>
    <t>OriAvRTAv</t>
  </si>
  <si>
    <t>OriRCSAv</t>
  </si>
  <si>
    <t>OverallASAv</t>
  </si>
  <si>
    <t>OverallAvRTAv</t>
  </si>
  <si>
    <t>OverallRCSAv</t>
  </si>
  <si>
    <t>TpdtAvTHAv</t>
  </si>
  <si>
    <t>Test performed first</t>
  </si>
  <si>
    <t>Participant number</t>
  </si>
  <si>
    <t>Age in years</t>
  </si>
  <si>
    <t>Localisation Trial 1 accuracy score (%)</t>
  </si>
  <si>
    <t>Localisation Trial 2 accuracy score (%)</t>
  </si>
  <si>
    <t>Localisation Trial 3 accuracy score (%)</t>
  </si>
  <si>
    <t>Localisation Trial 1 average response time (ms)</t>
  </si>
  <si>
    <t>Localisation Trial 2 average response time (ms)</t>
  </si>
  <si>
    <t>Localisation Trial 3 average response time (ms)</t>
  </si>
  <si>
    <t>Localisation Trial 1 Rate correct score (# correct responses / min)</t>
  </si>
  <si>
    <t>Localisation Trial 2 Rate correct score (# correct responses / min)</t>
  </si>
  <si>
    <t>Localisation Trial 3 Rate correct score (# correct responses / min)</t>
  </si>
  <si>
    <t>Orientation Trial 1 accuracy score (%)</t>
  </si>
  <si>
    <t>Orientation Trial 2 accuracy score (%)</t>
  </si>
  <si>
    <t>Orientation Trial 3 accuracy score (%)</t>
  </si>
  <si>
    <t>Orientation Trial 1 average response time (ms)</t>
  </si>
  <si>
    <t>Orientation Trial 2 average response time (ms)</t>
  </si>
  <si>
    <t>Orientation Trial 3 average response time (ms)</t>
  </si>
  <si>
    <t>Orientation Trial 1 Rate correct score (# correct responses / min)</t>
  </si>
  <si>
    <t>Orientation Trial 2 Rate correct score (# correct responses / min)</t>
  </si>
  <si>
    <t>Orientation Trial 3 Rate correct score (# correct responses / min)</t>
  </si>
  <si>
    <t>Overall Score Trial 1 accuracy score (%)</t>
  </si>
  <si>
    <t>Overall Score Trial 2 accuracy score (%)</t>
  </si>
  <si>
    <t>Overall Score Trial 3 accuracy score (%)</t>
  </si>
  <si>
    <t>Overall Score Trial 1 average response time (ms)</t>
  </si>
  <si>
    <t>Overall Score Trial 2 average response time (ms)</t>
  </si>
  <si>
    <t>Overall Score Trial 3 average response time (ms)</t>
  </si>
  <si>
    <t>Overall score Trial 1 Rate correct score (# correct responses / min)</t>
  </si>
  <si>
    <t>Overall score Trial 2 Rate correct score (# correct responses / min)</t>
  </si>
  <si>
    <t>Overall score Trial 3 Rate correct score (# correct responses / min)</t>
  </si>
  <si>
    <t>TPDT Trial 1 thershold average (mm)</t>
  </si>
  <si>
    <t>TPDT Trial 2 thershold average (mm)</t>
  </si>
  <si>
    <t>TPDT Trial 3 thershold average (mm)</t>
  </si>
  <si>
    <t>Localisation average trial 1-3 accuracy score (%)</t>
  </si>
  <si>
    <t>Localisation average trial 1-3 average response time (ms)</t>
  </si>
  <si>
    <t>Localisation average trial 1-3 Rate correct score (# correct responses / min)</t>
  </si>
  <si>
    <t>Orientation average trial 1-3 total score (%)</t>
  </si>
  <si>
    <t>Orientation average trial 1-3 response time (ms)</t>
  </si>
  <si>
    <t>Orientation average trial 1-3 Rate correct score (# correct responses / min)</t>
  </si>
  <si>
    <t>Overall score average trial 1-3 total score (%)</t>
  </si>
  <si>
    <t>Overall score average trial 1-3 response time (ms)</t>
  </si>
  <si>
    <t>Overall score average trial 1-3 Rate correct score (# correct responses / min)</t>
  </si>
  <si>
    <t>TPDT average trial 1-3 threshold average (mm)</t>
  </si>
  <si>
    <t>0=TPDT first, 1=iTAD first</t>
  </si>
  <si>
    <t>0=female, 1=mal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2" fontId="0" fillId="0" borderId="0" xfId="0" applyNumberFormat="1"/>
    <xf numFmtId="1" fontId="0" fillId="0" borderId="0" xfId="0" applyNumberFormat="1"/>
    <xf numFmtId="0" fontId="1" fillId="0" borderId="0" xfId="0" applyFon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R41"/>
  <sheetViews>
    <sheetView tabSelected="1" zoomScale="55" zoomScaleNormal="55" workbookViewId="0">
      <selection activeCell="A2" sqref="A2"/>
    </sheetView>
  </sheetViews>
  <sheetFormatPr defaultRowHeight="14.4" x14ac:dyDescent="0.3"/>
  <cols>
    <col min="1" max="1" width="6" customWidth="1"/>
    <col min="10" max="10" width="9.88671875" customWidth="1"/>
  </cols>
  <sheetData>
    <row r="1" spans="1:44" s="3" customFormat="1" x14ac:dyDescent="0.3">
      <c r="A1" s="3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14</v>
      </c>
      <c r="P1" s="3" t="s">
        <v>15</v>
      </c>
      <c r="Q1" s="3" t="s">
        <v>16</v>
      </c>
      <c r="R1" s="3" t="s">
        <v>17</v>
      </c>
      <c r="S1" s="3" t="s">
        <v>18</v>
      </c>
      <c r="T1" s="3" t="s">
        <v>19</v>
      </c>
      <c r="U1" s="3" t="s">
        <v>20</v>
      </c>
      <c r="V1" s="3" t="s">
        <v>21</v>
      </c>
      <c r="W1" s="3" t="s">
        <v>22</v>
      </c>
      <c r="X1" s="3" t="s">
        <v>23</v>
      </c>
      <c r="Y1" s="3" t="s">
        <v>24</v>
      </c>
      <c r="Z1" s="3" t="s">
        <v>25</v>
      </c>
      <c r="AA1" s="3" t="s">
        <v>26</v>
      </c>
      <c r="AB1" s="3" t="s">
        <v>27</v>
      </c>
      <c r="AC1" s="3" t="s">
        <v>28</v>
      </c>
      <c r="AD1" s="3" t="s">
        <v>29</v>
      </c>
      <c r="AE1" s="3" t="s">
        <v>30</v>
      </c>
      <c r="AF1" s="3" t="s">
        <v>31</v>
      </c>
      <c r="AG1" s="3" t="s">
        <v>32</v>
      </c>
      <c r="AH1" s="3" t="s">
        <v>33</v>
      </c>
      <c r="AI1" s="3" t="s">
        <v>34</v>
      </c>
      <c r="AJ1" s="3" t="s">
        <v>35</v>
      </c>
      <c r="AK1" s="3" t="s">
        <v>36</v>
      </c>
      <c r="AL1" s="3" t="s">
        <v>37</v>
      </c>
      <c r="AM1" s="3" t="s">
        <v>38</v>
      </c>
      <c r="AN1" s="3" t="s">
        <v>39</v>
      </c>
      <c r="AO1" s="3" t="s">
        <v>40</v>
      </c>
      <c r="AP1" s="3" t="s">
        <v>41</v>
      </c>
      <c r="AQ1" s="3" t="s">
        <v>42</v>
      </c>
      <c r="AR1" s="3" t="s">
        <v>43</v>
      </c>
    </row>
    <row r="2" spans="1:44" x14ac:dyDescent="0.3">
      <c r="A2" s="2">
        <v>0</v>
      </c>
      <c r="B2" s="1">
        <v>1</v>
      </c>
      <c r="C2" s="1">
        <v>24</v>
      </c>
      <c r="D2" s="1">
        <v>1</v>
      </c>
      <c r="E2" s="1">
        <v>64</v>
      </c>
      <c r="F2" s="1">
        <v>54</v>
      </c>
      <c r="G2" s="1">
        <v>51</v>
      </c>
      <c r="H2" s="1">
        <v>927</v>
      </c>
      <c r="I2" s="1">
        <v>1047</v>
      </c>
      <c r="J2" s="1">
        <v>1047</v>
      </c>
      <c r="K2" s="1">
        <v>41.423948220064723</v>
      </c>
      <c r="L2" s="1">
        <v>30.94555873925502</v>
      </c>
      <c r="M2" s="1">
        <v>29.226361031518621</v>
      </c>
      <c r="N2" s="1">
        <v>48</v>
      </c>
      <c r="O2" s="1">
        <v>41</v>
      </c>
      <c r="P2" s="1">
        <v>52</v>
      </c>
      <c r="Q2" s="1">
        <v>1600</v>
      </c>
      <c r="R2" s="1">
        <v>1813</v>
      </c>
      <c r="S2" s="1">
        <v>1593</v>
      </c>
      <c r="T2" s="1">
        <v>18</v>
      </c>
      <c r="U2" s="1">
        <v>13.568670711527853</v>
      </c>
      <c r="V2" s="1">
        <v>19.585687382297554</v>
      </c>
      <c r="W2" s="1">
        <v>56</v>
      </c>
      <c r="X2" s="1">
        <v>47.5</v>
      </c>
      <c r="Y2" s="1">
        <v>51.5</v>
      </c>
      <c r="Z2" s="1">
        <v>1263.5</v>
      </c>
      <c r="AA2" s="1">
        <v>1430</v>
      </c>
      <c r="AB2" s="1">
        <v>1320</v>
      </c>
      <c r="AC2" s="1">
        <v>26.59279778393352</v>
      </c>
      <c r="AD2" s="1">
        <v>19.930069930069926</v>
      </c>
      <c r="AE2" s="1">
        <v>23.409090909090907</v>
      </c>
      <c r="AF2" s="1">
        <v>31</v>
      </c>
      <c r="AG2" s="1">
        <v>34.575000000000003</v>
      </c>
      <c r="AH2" s="1">
        <v>21</v>
      </c>
      <c r="AI2" s="1">
        <v>56.333333333333336</v>
      </c>
      <c r="AJ2" s="1">
        <v>1007</v>
      </c>
      <c r="AK2" s="1">
        <v>33.86528933027946</v>
      </c>
      <c r="AL2" s="1">
        <v>47</v>
      </c>
      <c r="AM2" s="1">
        <v>1668.6666666666667</v>
      </c>
      <c r="AN2" s="1">
        <v>17.051452697941802</v>
      </c>
      <c r="AO2" s="1">
        <v>51.666666666666664</v>
      </c>
      <c r="AP2" s="1">
        <v>1337.8333333333333</v>
      </c>
      <c r="AQ2" s="1">
        <v>23.310652874364781</v>
      </c>
      <c r="AR2" s="1">
        <v>28.858333333333334</v>
      </c>
    </row>
    <row r="3" spans="1:44" x14ac:dyDescent="0.3">
      <c r="A3" s="2">
        <v>0</v>
      </c>
      <c r="B3" s="1">
        <v>2</v>
      </c>
      <c r="C3" s="1">
        <v>23</v>
      </c>
      <c r="D3" s="1">
        <v>1</v>
      </c>
      <c r="E3" s="1">
        <v>88</v>
      </c>
      <c r="F3" s="1">
        <v>93</v>
      </c>
      <c r="G3" s="1">
        <v>82</v>
      </c>
      <c r="H3" s="1">
        <v>1309</v>
      </c>
      <c r="I3" s="1">
        <v>1208</v>
      </c>
      <c r="J3" s="1">
        <v>1029</v>
      </c>
      <c r="K3" s="1">
        <v>40.336134453781519</v>
      </c>
      <c r="L3" s="1">
        <v>46.192052980132459</v>
      </c>
      <c r="M3" s="1">
        <v>47.813411078717202</v>
      </c>
      <c r="N3" s="1">
        <v>69</v>
      </c>
      <c r="O3" s="1">
        <v>59</v>
      </c>
      <c r="P3" s="1">
        <v>62</v>
      </c>
      <c r="Q3" s="1">
        <v>2575</v>
      </c>
      <c r="R3" s="1">
        <v>2190</v>
      </c>
      <c r="S3" s="1">
        <v>1948</v>
      </c>
      <c r="T3" s="1">
        <v>16.077669902912621</v>
      </c>
      <c r="U3" s="1">
        <v>16.164383561643834</v>
      </c>
      <c r="V3" s="1">
        <v>19.096509240246405</v>
      </c>
      <c r="W3" s="1">
        <v>78.5</v>
      </c>
      <c r="X3" s="1">
        <v>76</v>
      </c>
      <c r="Y3" s="1">
        <v>72</v>
      </c>
      <c r="Z3" s="1">
        <v>1942</v>
      </c>
      <c r="AA3" s="1">
        <v>1699</v>
      </c>
      <c r="AB3" s="1">
        <v>1488.5</v>
      </c>
      <c r="AC3" s="1">
        <v>24.253347064881563</v>
      </c>
      <c r="AD3" s="1">
        <v>26.83931724543849</v>
      </c>
      <c r="AE3" s="1">
        <v>29.022505878401077</v>
      </c>
      <c r="AF3" s="1">
        <v>33.75</v>
      </c>
      <c r="AG3" s="1">
        <v>10</v>
      </c>
      <c r="AH3" s="1">
        <v>22.15</v>
      </c>
      <c r="AI3" s="1">
        <v>87.666666666666671</v>
      </c>
      <c r="AJ3" s="1">
        <v>1182</v>
      </c>
      <c r="AK3" s="1">
        <v>44.780532837543724</v>
      </c>
      <c r="AL3" s="1">
        <v>63.333333333333336</v>
      </c>
      <c r="AM3" s="1">
        <v>2237.6666666666665</v>
      </c>
      <c r="AN3" s="1">
        <v>17.112854234934286</v>
      </c>
      <c r="AO3" s="1">
        <v>75.5</v>
      </c>
      <c r="AP3" s="1">
        <v>1709.8333333333333</v>
      </c>
      <c r="AQ3" s="1">
        <v>26.705056729573709</v>
      </c>
      <c r="AR3" s="1">
        <v>21.966666666666669</v>
      </c>
    </row>
    <row r="4" spans="1:44" x14ac:dyDescent="0.3">
      <c r="A4" s="2">
        <v>1</v>
      </c>
      <c r="B4" s="1">
        <v>3</v>
      </c>
      <c r="C4" s="1">
        <v>23</v>
      </c>
      <c r="D4" s="1">
        <v>1</v>
      </c>
      <c r="E4" s="1">
        <v>50</v>
      </c>
      <c r="F4" s="1">
        <v>68</v>
      </c>
      <c r="G4" s="1">
        <v>58</v>
      </c>
      <c r="H4" s="1">
        <v>1563</v>
      </c>
      <c r="I4" s="1">
        <v>1405</v>
      </c>
      <c r="J4" s="1">
        <v>1385</v>
      </c>
      <c r="K4" s="1">
        <v>19.193857965451055</v>
      </c>
      <c r="L4" s="1">
        <v>29.039145907473312</v>
      </c>
      <c r="M4" s="1">
        <v>25.12635379061372</v>
      </c>
      <c r="N4" s="1">
        <v>22</v>
      </c>
      <c r="O4" s="1">
        <v>31</v>
      </c>
      <c r="P4" s="1">
        <v>34</v>
      </c>
      <c r="Q4" s="1">
        <v>1839</v>
      </c>
      <c r="R4" s="1">
        <v>2111</v>
      </c>
      <c r="S4" s="1">
        <v>2267</v>
      </c>
      <c r="T4" s="1">
        <v>7.1778140293637858</v>
      </c>
      <c r="U4" s="1">
        <v>8.8109900521080053</v>
      </c>
      <c r="V4" s="1">
        <v>8.9986766651962959</v>
      </c>
      <c r="W4" s="1">
        <v>36</v>
      </c>
      <c r="X4" s="1">
        <v>49.5</v>
      </c>
      <c r="Y4" s="1">
        <v>46</v>
      </c>
      <c r="Z4" s="1">
        <v>1701</v>
      </c>
      <c r="AA4" s="1">
        <v>1758</v>
      </c>
      <c r="AB4" s="1">
        <v>1826</v>
      </c>
      <c r="AC4" s="1">
        <v>12.698412698412699</v>
      </c>
      <c r="AD4" s="1">
        <v>16.894197952218427</v>
      </c>
      <c r="AE4" s="1">
        <v>15.115005476451259</v>
      </c>
      <c r="AF4" s="1">
        <v>8.6</v>
      </c>
      <c r="AG4" s="1">
        <v>27</v>
      </c>
      <c r="AH4" s="1">
        <v>48.024999999999999</v>
      </c>
      <c r="AI4" s="1">
        <v>58.666666666666664</v>
      </c>
      <c r="AJ4" s="1">
        <v>1451</v>
      </c>
      <c r="AK4" s="1">
        <v>24.453119221179364</v>
      </c>
      <c r="AL4" s="1">
        <v>29</v>
      </c>
      <c r="AM4" s="1">
        <v>2072.3333333333335</v>
      </c>
      <c r="AN4" s="1">
        <v>8.3291602488893624</v>
      </c>
      <c r="AO4" s="1">
        <v>43.833333333333336</v>
      </c>
      <c r="AP4" s="1">
        <v>1761.6666666666667</v>
      </c>
      <c r="AQ4" s="1">
        <v>14.902538709027462</v>
      </c>
      <c r="AR4" s="1">
        <v>27.875</v>
      </c>
    </row>
    <row r="5" spans="1:44" x14ac:dyDescent="0.3">
      <c r="A5" s="2">
        <v>0</v>
      </c>
      <c r="B5" s="1">
        <v>4</v>
      </c>
      <c r="C5" s="1">
        <v>47</v>
      </c>
      <c r="D5" s="1">
        <v>0</v>
      </c>
      <c r="E5" s="1">
        <v>62</v>
      </c>
      <c r="F5" s="1">
        <v>61</v>
      </c>
      <c r="G5" s="1">
        <v>64</v>
      </c>
      <c r="H5" s="1">
        <v>1510</v>
      </c>
      <c r="I5" s="1">
        <v>1856</v>
      </c>
      <c r="J5" s="1">
        <v>1783</v>
      </c>
      <c r="K5" s="1">
        <v>24.635761589403973</v>
      </c>
      <c r="L5" s="1">
        <v>19.719827586206897</v>
      </c>
      <c r="M5" s="1">
        <v>21.536735838474478</v>
      </c>
      <c r="N5" s="1">
        <v>45</v>
      </c>
      <c r="O5" s="1">
        <v>52</v>
      </c>
      <c r="P5" s="1">
        <v>45</v>
      </c>
      <c r="Q5" s="1">
        <v>2464</v>
      </c>
      <c r="R5" s="1">
        <v>2565</v>
      </c>
      <c r="S5" s="1">
        <v>2652</v>
      </c>
      <c r="T5" s="1">
        <v>10.957792207792206</v>
      </c>
      <c r="U5" s="1">
        <v>12.163742690058481</v>
      </c>
      <c r="V5" s="1">
        <v>10.180995475113123</v>
      </c>
      <c r="W5" s="1">
        <v>53.5</v>
      </c>
      <c r="X5" s="1">
        <v>56.5</v>
      </c>
      <c r="Y5" s="1">
        <v>54.5</v>
      </c>
      <c r="Z5" s="1">
        <v>1987</v>
      </c>
      <c r="AA5" s="1">
        <v>2210.5</v>
      </c>
      <c r="AB5" s="1">
        <v>2217.5</v>
      </c>
      <c r="AC5" s="1">
        <v>16.155007549068948</v>
      </c>
      <c r="AD5" s="1">
        <v>15.335896855914953</v>
      </c>
      <c r="AE5" s="1">
        <v>14.746335963923338</v>
      </c>
      <c r="AF5" s="1">
        <v>88.1</v>
      </c>
      <c r="AG5" s="1">
        <v>103.5</v>
      </c>
      <c r="AH5" s="1">
        <v>68.474999999999994</v>
      </c>
      <c r="AI5" s="1">
        <v>62.333333333333336</v>
      </c>
      <c r="AJ5" s="1">
        <v>1716.3333333333333</v>
      </c>
      <c r="AK5" s="1">
        <v>21.964108338028449</v>
      </c>
      <c r="AL5" s="1">
        <v>47.333333333333336</v>
      </c>
      <c r="AM5" s="1">
        <v>2560.3333333333335</v>
      </c>
      <c r="AN5" s="1">
        <v>11.100843457654603</v>
      </c>
      <c r="AO5" s="1">
        <v>54.833333333333336</v>
      </c>
      <c r="AP5" s="1">
        <v>2138.3333333333335</v>
      </c>
      <c r="AQ5" s="1">
        <v>15.412413456302412</v>
      </c>
      <c r="AR5" s="1">
        <v>86.691666666666663</v>
      </c>
    </row>
    <row r="6" spans="1:44" x14ac:dyDescent="0.3">
      <c r="A6" s="2">
        <v>0</v>
      </c>
      <c r="B6" s="1">
        <v>5</v>
      </c>
      <c r="C6" s="1">
        <v>21</v>
      </c>
      <c r="D6" s="1">
        <v>0</v>
      </c>
      <c r="E6" s="1">
        <v>64</v>
      </c>
      <c r="F6" s="1">
        <v>50</v>
      </c>
      <c r="G6" s="1">
        <v>40</v>
      </c>
      <c r="H6" s="1">
        <v>1004</v>
      </c>
      <c r="I6" s="1">
        <v>956</v>
      </c>
      <c r="J6" s="1">
        <v>910</v>
      </c>
      <c r="K6" s="1">
        <v>38.247011952191237</v>
      </c>
      <c r="L6" s="1">
        <v>31.38075313807532</v>
      </c>
      <c r="M6" s="1">
        <v>26.373626373626376</v>
      </c>
      <c r="N6" s="1">
        <v>44</v>
      </c>
      <c r="O6" s="1">
        <v>64</v>
      </c>
      <c r="P6" s="1">
        <v>48</v>
      </c>
      <c r="Q6" s="1">
        <v>1767</v>
      </c>
      <c r="R6" s="1">
        <v>1673</v>
      </c>
      <c r="S6" s="1">
        <v>1603</v>
      </c>
      <c r="T6" s="1">
        <v>14.940577249575552</v>
      </c>
      <c r="U6" s="1">
        <v>22.952779438135085</v>
      </c>
      <c r="V6" s="1">
        <v>17.966313162819713</v>
      </c>
      <c r="W6" s="1">
        <v>54</v>
      </c>
      <c r="X6" s="1">
        <v>57</v>
      </c>
      <c r="Y6" s="1">
        <v>44</v>
      </c>
      <c r="Z6" s="1">
        <v>1385.5</v>
      </c>
      <c r="AA6" s="1">
        <v>1314.5</v>
      </c>
      <c r="AB6" s="1">
        <v>1256.5</v>
      </c>
      <c r="AC6" s="1">
        <v>23.385059545290506</v>
      </c>
      <c r="AD6" s="1">
        <v>26.01749714720426</v>
      </c>
      <c r="AE6" s="1">
        <v>21.010744130521289</v>
      </c>
      <c r="AF6" s="1">
        <v>75.075000000000003</v>
      </c>
      <c r="AG6" s="1">
        <v>81</v>
      </c>
      <c r="AH6" s="1">
        <v>120.925</v>
      </c>
      <c r="AI6" s="1">
        <v>51.333333333333336</v>
      </c>
      <c r="AJ6" s="1">
        <v>956.66666666666663</v>
      </c>
      <c r="AK6" s="1">
        <v>32.00046382129765</v>
      </c>
      <c r="AL6" s="1">
        <v>52</v>
      </c>
      <c r="AM6" s="1">
        <v>1681</v>
      </c>
      <c r="AN6" s="1">
        <v>18.619889950176784</v>
      </c>
      <c r="AO6" s="1">
        <v>51.666666666666664</v>
      </c>
      <c r="AP6" s="1">
        <v>1318.8333333333333</v>
      </c>
      <c r="AQ6" s="1">
        <v>23.471100274338685</v>
      </c>
      <c r="AR6" s="1">
        <v>92.333333333333329</v>
      </c>
    </row>
    <row r="7" spans="1:44" x14ac:dyDescent="0.3">
      <c r="A7" s="2">
        <v>1</v>
      </c>
      <c r="B7" s="1">
        <v>6</v>
      </c>
      <c r="C7" s="1">
        <v>21</v>
      </c>
      <c r="D7" s="1">
        <v>0</v>
      </c>
      <c r="E7" s="1">
        <v>58</v>
      </c>
      <c r="F7" s="1">
        <v>57</v>
      </c>
      <c r="G7" s="1">
        <v>58</v>
      </c>
      <c r="H7" s="1">
        <v>884</v>
      </c>
      <c r="I7" s="1">
        <v>957</v>
      </c>
      <c r="J7" s="1">
        <v>926</v>
      </c>
      <c r="K7" s="1">
        <v>39.366515837104068</v>
      </c>
      <c r="L7" s="1">
        <v>35.736677115987462</v>
      </c>
      <c r="M7" s="1">
        <v>37.580993520518362</v>
      </c>
      <c r="N7" s="1">
        <v>55</v>
      </c>
      <c r="O7" s="1">
        <v>52</v>
      </c>
      <c r="P7" s="1">
        <v>41</v>
      </c>
      <c r="Q7" s="1">
        <v>1898</v>
      </c>
      <c r="R7" s="1">
        <v>1681</v>
      </c>
      <c r="S7" s="1">
        <v>1743</v>
      </c>
      <c r="T7" s="1">
        <v>17.386722866174921</v>
      </c>
      <c r="U7" s="1">
        <v>18.560380725758478</v>
      </c>
      <c r="V7" s="1">
        <v>14.113597246127366</v>
      </c>
      <c r="W7" s="1">
        <v>56.5</v>
      </c>
      <c r="X7" s="1">
        <v>54.5</v>
      </c>
      <c r="Y7" s="1">
        <v>49.5</v>
      </c>
      <c r="Z7" s="1">
        <v>1391</v>
      </c>
      <c r="AA7" s="1">
        <v>1319</v>
      </c>
      <c r="AB7" s="1">
        <v>1334.5</v>
      </c>
      <c r="AC7" s="1">
        <v>24.370956146657083</v>
      </c>
      <c r="AD7" s="1">
        <v>24.791508718726309</v>
      </c>
      <c r="AE7" s="1">
        <v>22.255526414387411</v>
      </c>
      <c r="AF7" s="1">
        <v>21.65</v>
      </c>
      <c r="AG7" s="1">
        <v>29.5</v>
      </c>
      <c r="AH7" s="1">
        <v>62.6</v>
      </c>
      <c r="AI7" s="1">
        <v>57.666666666666664</v>
      </c>
      <c r="AJ7" s="1">
        <v>922.33333333333337</v>
      </c>
      <c r="AK7" s="1">
        <v>37.561395491203299</v>
      </c>
      <c r="AL7" s="1">
        <v>49.333333333333336</v>
      </c>
      <c r="AM7" s="1">
        <v>1774</v>
      </c>
      <c r="AN7" s="1">
        <v>16.686900279353591</v>
      </c>
      <c r="AO7" s="1">
        <v>53.5</v>
      </c>
      <c r="AP7" s="1">
        <v>1348.1666666666667</v>
      </c>
      <c r="AQ7" s="1">
        <v>23.805997093256934</v>
      </c>
      <c r="AR7" s="1">
        <v>37.916666666666664</v>
      </c>
    </row>
    <row r="8" spans="1:44" x14ac:dyDescent="0.3">
      <c r="A8" s="2">
        <v>1</v>
      </c>
      <c r="B8" s="1">
        <v>7</v>
      </c>
      <c r="C8" s="1">
        <v>21</v>
      </c>
      <c r="D8" s="1">
        <v>0</v>
      </c>
      <c r="E8" s="1">
        <v>39</v>
      </c>
      <c r="F8" s="1">
        <v>60</v>
      </c>
      <c r="G8" s="1">
        <v>49</v>
      </c>
      <c r="H8" s="1">
        <v>1115</v>
      </c>
      <c r="I8" s="1">
        <v>1238</v>
      </c>
      <c r="J8" s="1">
        <v>989</v>
      </c>
      <c r="K8" s="1">
        <v>20.986547085201796</v>
      </c>
      <c r="L8" s="1">
        <v>29.079159935379643</v>
      </c>
      <c r="M8" s="1">
        <v>29.726996966632967</v>
      </c>
      <c r="N8" s="1">
        <v>48</v>
      </c>
      <c r="O8" s="1">
        <v>45</v>
      </c>
      <c r="P8" s="1">
        <v>47</v>
      </c>
      <c r="Q8" s="1">
        <v>1877</v>
      </c>
      <c r="R8" s="1">
        <v>1751</v>
      </c>
      <c r="S8" s="1">
        <v>1738</v>
      </c>
      <c r="T8" s="1">
        <v>15.343633457645177</v>
      </c>
      <c r="U8" s="1">
        <v>15.419760137064532</v>
      </c>
      <c r="V8" s="1">
        <v>16.225546605293442</v>
      </c>
      <c r="W8" s="1">
        <v>43.5</v>
      </c>
      <c r="X8" s="1">
        <v>52.5</v>
      </c>
      <c r="Y8" s="1">
        <v>48</v>
      </c>
      <c r="Z8" s="1">
        <v>1496</v>
      </c>
      <c r="AA8" s="1">
        <v>1494.5</v>
      </c>
      <c r="AB8" s="1">
        <v>1363.5</v>
      </c>
      <c r="AC8" s="1">
        <v>17.446524064171122</v>
      </c>
      <c r="AD8" s="1">
        <v>21.077283372365336</v>
      </c>
      <c r="AE8" s="1">
        <v>21.122112211221122</v>
      </c>
      <c r="AF8" s="1">
        <v>41.55</v>
      </c>
      <c r="AG8" s="1">
        <v>38.5</v>
      </c>
      <c r="AH8" s="1">
        <v>46.55</v>
      </c>
      <c r="AI8" s="1">
        <v>49.333333333333336</v>
      </c>
      <c r="AJ8" s="1">
        <v>1114</v>
      </c>
      <c r="AK8" s="1">
        <v>26.597567995738135</v>
      </c>
      <c r="AL8" s="1">
        <v>46.666666666666664</v>
      </c>
      <c r="AM8" s="1">
        <v>1788.6666666666667</v>
      </c>
      <c r="AN8" s="1">
        <v>15.662980066667719</v>
      </c>
      <c r="AO8" s="1">
        <v>48</v>
      </c>
      <c r="AP8" s="1">
        <v>1451.3333333333333</v>
      </c>
      <c r="AQ8" s="1">
        <v>19.881973215919192</v>
      </c>
      <c r="AR8" s="1">
        <v>42.199999999999996</v>
      </c>
    </row>
    <row r="9" spans="1:44" x14ac:dyDescent="0.3">
      <c r="A9" s="2">
        <v>1</v>
      </c>
      <c r="B9" s="1">
        <v>8</v>
      </c>
      <c r="C9" s="1">
        <v>21</v>
      </c>
      <c r="D9" s="1">
        <v>1</v>
      </c>
      <c r="E9" s="1">
        <v>60</v>
      </c>
      <c r="F9" s="1">
        <v>54</v>
      </c>
      <c r="G9" s="1">
        <v>79</v>
      </c>
      <c r="H9" s="1">
        <v>1504</v>
      </c>
      <c r="I9" s="1">
        <v>1616</v>
      </c>
      <c r="J9" s="1">
        <v>1395</v>
      </c>
      <c r="K9" s="1">
        <v>23.936170212765958</v>
      </c>
      <c r="L9" s="1">
        <v>20.049504950495052</v>
      </c>
      <c r="M9" s="1">
        <v>33.978494623655912</v>
      </c>
      <c r="N9" s="1">
        <v>47</v>
      </c>
      <c r="O9" s="1">
        <v>44</v>
      </c>
      <c r="P9" s="1">
        <v>42</v>
      </c>
      <c r="Q9" s="1">
        <v>2306</v>
      </c>
      <c r="R9" s="1">
        <v>2251</v>
      </c>
      <c r="S9" s="1">
        <v>2154</v>
      </c>
      <c r="T9" s="1">
        <v>12.22896790980052</v>
      </c>
      <c r="U9" s="1">
        <v>11.728120835184363</v>
      </c>
      <c r="V9" s="1">
        <v>11.699164345403899</v>
      </c>
      <c r="W9" s="1">
        <v>53.5</v>
      </c>
      <c r="X9" s="1">
        <v>49</v>
      </c>
      <c r="Y9" s="1">
        <v>60.5</v>
      </c>
      <c r="Z9" s="1">
        <v>1905</v>
      </c>
      <c r="AA9" s="1">
        <v>1933.5</v>
      </c>
      <c r="AB9" s="1">
        <v>1774.5</v>
      </c>
      <c r="AC9" s="1">
        <v>16.8503937007874</v>
      </c>
      <c r="AD9" s="1">
        <v>15.205585725368501</v>
      </c>
      <c r="AE9" s="1">
        <v>20.456466610312763</v>
      </c>
      <c r="AF9" s="1">
        <v>50.225000000000001</v>
      </c>
      <c r="AG9" s="1">
        <v>41.5</v>
      </c>
      <c r="AH9" s="1">
        <v>38.5</v>
      </c>
      <c r="AI9" s="1">
        <v>64.333333333333329</v>
      </c>
      <c r="AJ9" s="1">
        <v>1505</v>
      </c>
      <c r="AK9" s="1">
        <v>25.988056595638977</v>
      </c>
      <c r="AL9" s="1">
        <v>44.333333333333336</v>
      </c>
      <c r="AM9" s="1">
        <v>2237</v>
      </c>
      <c r="AN9" s="1">
        <v>11.88541769679626</v>
      </c>
      <c r="AO9" s="1">
        <v>54.333333333333336</v>
      </c>
      <c r="AP9" s="1">
        <v>1871</v>
      </c>
      <c r="AQ9" s="1">
        <v>17.504148678822887</v>
      </c>
      <c r="AR9" s="1">
        <v>43.408333333333331</v>
      </c>
    </row>
    <row r="10" spans="1:44" x14ac:dyDescent="0.3">
      <c r="A10" s="2">
        <v>0</v>
      </c>
      <c r="B10" s="1">
        <v>9</v>
      </c>
      <c r="C10" s="1">
        <v>23</v>
      </c>
      <c r="D10" s="1">
        <v>1</v>
      </c>
      <c r="E10" s="1">
        <v>47</v>
      </c>
      <c r="F10" s="1">
        <v>40</v>
      </c>
      <c r="G10" s="1">
        <v>43</v>
      </c>
      <c r="H10" s="1">
        <v>1258</v>
      </c>
      <c r="I10" s="1">
        <v>1293</v>
      </c>
      <c r="J10" s="1">
        <v>1206</v>
      </c>
      <c r="K10" s="1">
        <v>22.416534181240063</v>
      </c>
      <c r="L10" s="1">
        <v>18.561484918793507</v>
      </c>
      <c r="M10" s="1">
        <v>21.39303482587065</v>
      </c>
      <c r="N10" s="1">
        <v>42</v>
      </c>
      <c r="O10" s="1">
        <v>38</v>
      </c>
      <c r="P10" s="1">
        <v>34</v>
      </c>
      <c r="Q10" s="1">
        <v>2161</v>
      </c>
      <c r="R10" s="1">
        <v>1908</v>
      </c>
      <c r="S10" s="1">
        <v>2020</v>
      </c>
      <c r="T10" s="1">
        <v>11.661267931513189</v>
      </c>
      <c r="U10" s="1">
        <v>11.949685534591195</v>
      </c>
      <c r="V10" s="1">
        <v>10.099009900990099</v>
      </c>
      <c r="W10" s="1">
        <v>44.5</v>
      </c>
      <c r="X10" s="1">
        <v>39</v>
      </c>
      <c r="Y10" s="1">
        <v>38.5</v>
      </c>
      <c r="Z10" s="1">
        <v>1709.5</v>
      </c>
      <c r="AA10" s="1">
        <v>1600.5</v>
      </c>
      <c r="AB10" s="1">
        <v>1613</v>
      </c>
      <c r="AC10" s="1">
        <v>15.618601930389001</v>
      </c>
      <c r="AD10" s="1">
        <v>14.620431115276476</v>
      </c>
      <c r="AE10" s="1">
        <v>14.321140731556108</v>
      </c>
      <c r="AF10" s="1">
        <v>41.6</v>
      </c>
      <c r="AG10" s="1">
        <v>52.5</v>
      </c>
      <c r="AH10" s="1">
        <v>61</v>
      </c>
      <c r="AI10" s="1">
        <v>43.333333333333336</v>
      </c>
      <c r="AJ10" s="1">
        <v>1252.3333333333333</v>
      </c>
      <c r="AK10" s="1">
        <v>20.79035130863474</v>
      </c>
      <c r="AL10" s="1">
        <v>38</v>
      </c>
      <c r="AM10" s="1">
        <v>2029.6666666666667</v>
      </c>
      <c r="AN10" s="1">
        <v>11.23665445569816</v>
      </c>
      <c r="AO10" s="1">
        <v>40.666666666666664</v>
      </c>
      <c r="AP10" s="1">
        <v>1641</v>
      </c>
      <c r="AQ10" s="1">
        <v>14.853391259073861</v>
      </c>
      <c r="AR10" s="1">
        <v>51.699999999999996</v>
      </c>
    </row>
    <row r="11" spans="1:44" x14ac:dyDescent="0.3">
      <c r="A11" s="2">
        <v>1</v>
      </c>
      <c r="B11" s="1">
        <v>10</v>
      </c>
      <c r="C11" s="1">
        <v>22</v>
      </c>
      <c r="D11" s="1">
        <v>1</v>
      </c>
      <c r="E11" s="1">
        <v>86</v>
      </c>
      <c r="F11" s="1">
        <v>79</v>
      </c>
      <c r="G11" s="1">
        <v>81</v>
      </c>
      <c r="H11" s="1">
        <v>997</v>
      </c>
      <c r="I11" s="1">
        <v>1109</v>
      </c>
      <c r="J11" s="1">
        <v>1097</v>
      </c>
      <c r="K11" s="1">
        <v>51.75526579739217</v>
      </c>
      <c r="L11" s="1">
        <v>42.74120829576195</v>
      </c>
      <c r="M11" s="1">
        <v>44.302643573381957</v>
      </c>
      <c r="N11" s="1">
        <v>56</v>
      </c>
      <c r="O11" s="1">
        <v>55</v>
      </c>
      <c r="P11" s="1">
        <v>52</v>
      </c>
      <c r="Q11" s="1">
        <v>1842</v>
      </c>
      <c r="R11" s="1">
        <v>1812</v>
      </c>
      <c r="S11" s="1">
        <v>1972</v>
      </c>
      <c r="T11" s="1">
        <v>18.24104234527687</v>
      </c>
      <c r="U11" s="1">
        <v>18.211920529801326</v>
      </c>
      <c r="V11" s="1">
        <v>15.82150101419878</v>
      </c>
      <c r="W11" s="1">
        <v>71</v>
      </c>
      <c r="X11" s="1">
        <v>67</v>
      </c>
      <c r="Y11" s="1">
        <v>66.5</v>
      </c>
      <c r="Z11" s="1">
        <v>1419.5</v>
      </c>
      <c r="AA11" s="1">
        <v>1460.5</v>
      </c>
      <c r="AB11" s="1">
        <v>1534.5</v>
      </c>
      <c r="AC11" s="1">
        <v>30.010567101091933</v>
      </c>
      <c r="AD11" s="1">
        <v>27.524820267031835</v>
      </c>
      <c r="AE11" s="1">
        <v>26.001955034213101</v>
      </c>
      <c r="AF11" s="1">
        <v>26.7</v>
      </c>
      <c r="AG11" s="1">
        <v>14.5</v>
      </c>
      <c r="AH11" s="1">
        <v>35.424999999999997</v>
      </c>
      <c r="AI11" s="1">
        <v>82</v>
      </c>
      <c r="AJ11" s="1">
        <v>1067.6666666666667</v>
      </c>
      <c r="AK11" s="1">
        <v>46.266372555512021</v>
      </c>
      <c r="AL11" s="1">
        <v>54.333333333333336</v>
      </c>
      <c r="AM11" s="1">
        <v>1875.3333333333333</v>
      </c>
      <c r="AN11" s="1">
        <v>17.424821296425659</v>
      </c>
      <c r="AO11" s="1">
        <v>68.166666666666671</v>
      </c>
      <c r="AP11" s="1">
        <v>1471.5</v>
      </c>
      <c r="AQ11" s="1">
        <v>27.845780800778954</v>
      </c>
      <c r="AR11" s="1">
        <v>25.541666666666668</v>
      </c>
    </row>
    <row r="12" spans="1:44" x14ac:dyDescent="0.3">
      <c r="A12" s="2">
        <v>1</v>
      </c>
      <c r="B12" s="1">
        <v>11</v>
      </c>
      <c r="C12" s="1">
        <v>25</v>
      </c>
      <c r="D12" s="1">
        <v>1</v>
      </c>
      <c r="E12" s="1">
        <v>49</v>
      </c>
      <c r="F12" s="1">
        <v>58</v>
      </c>
      <c r="G12" s="1">
        <v>62</v>
      </c>
      <c r="H12" s="1">
        <v>1560</v>
      </c>
      <c r="I12" s="1">
        <v>1574</v>
      </c>
      <c r="J12" s="1">
        <v>1383</v>
      </c>
      <c r="K12" s="1">
        <v>18.846153846153847</v>
      </c>
      <c r="L12" s="1">
        <v>22.109275730622617</v>
      </c>
      <c r="M12" s="1">
        <v>26.898047722342735</v>
      </c>
      <c r="N12" s="1">
        <v>44</v>
      </c>
      <c r="O12" s="1">
        <v>52</v>
      </c>
      <c r="P12" s="1">
        <v>50</v>
      </c>
      <c r="Q12" s="1">
        <v>1838</v>
      </c>
      <c r="R12" s="1">
        <v>1993</v>
      </c>
      <c r="S12" s="1">
        <v>1886</v>
      </c>
      <c r="T12" s="1">
        <v>14.363438520130575</v>
      </c>
      <c r="U12" s="1">
        <v>15.654791771199196</v>
      </c>
      <c r="V12" s="1">
        <v>15.906680805938494</v>
      </c>
      <c r="W12" s="1">
        <v>46.5</v>
      </c>
      <c r="X12" s="1">
        <v>55</v>
      </c>
      <c r="Y12" s="1">
        <v>56</v>
      </c>
      <c r="Z12" s="1">
        <v>1699</v>
      </c>
      <c r="AA12" s="1">
        <v>1783.5</v>
      </c>
      <c r="AB12" s="1">
        <v>1634.5</v>
      </c>
      <c r="AC12" s="1">
        <v>16.421424367274867</v>
      </c>
      <c r="AD12" s="1">
        <v>18.502943650126156</v>
      </c>
      <c r="AE12" s="1">
        <v>20.55674518201285</v>
      </c>
      <c r="AF12" s="1">
        <v>75.099999999999994</v>
      </c>
      <c r="AG12" s="1">
        <v>56.55</v>
      </c>
      <c r="AH12" s="1">
        <v>68</v>
      </c>
      <c r="AI12" s="1">
        <v>56.333333333333336</v>
      </c>
      <c r="AJ12" s="1">
        <v>1505.6666666666667</v>
      </c>
      <c r="AK12" s="1">
        <v>22.61782576637307</v>
      </c>
      <c r="AL12" s="1">
        <v>48.666666666666664</v>
      </c>
      <c r="AM12" s="1">
        <v>1905.6666666666667</v>
      </c>
      <c r="AN12" s="1">
        <v>15.308303699089421</v>
      </c>
      <c r="AO12" s="1">
        <v>52.5</v>
      </c>
      <c r="AP12" s="1">
        <v>1705.6666666666667</v>
      </c>
      <c r="AQ12" s="1">
        <v>18.493704399804624</v>
      </c>
      <c r="AR12" s="1">
        <v>66.55</v>
      </c>
    </row>
    <row r="13" spans="1:44" x14ac:dyDescent="0.3">
      <c r="A13" s="2">
        <v>1</v>
      </c>
      <c r="B13" s="1">
        <v>12</v>
      </c>
      <c r="C13" s="1">
        <v>25</v>
      </c>
      <c r="D13" s="1">
        <v>1</v>
      </c>
      <c r="E13" s="1">
        <v>75</v>
      </c>
      <c r="F13" s="1">
        <v>72</v>
      </c>
      <c r="G13" s="1">
        <v>67</v>
      </c>
      <c r="H13" s="1">
        <v>1704</v>
      </c>
      <c r="I13" s="1">
        <v>1353</v>
      </c>
      <c r="J13" s="1">
        <v>1327</v>
      </c>
      <c r="K13" s="1">
        <v>26.408450704225352</v>
      </c>
      <c r="L13" s="1">
        <v>31.929046563192902</v>
      </c>
      <c r="M13" s="1">
        <v>30.293896006028639</v>
      </c>
      <c r="N13" s="1">
        <v>53</v>
      </c>
      <c r="O13" s="1">
        <v>52</v>
      </c>
      <c r="P13" s="1">
        <v>53</v>
      </c>
      <c r="Q13" s="1">
        <v>2189</v>
      </c>
      <c r="R13" s="1">
        <v>2133</v>
      </c>
      <c r="S13" s="1">
        <v>2120</v>
      </c>
      <c r="T13" s="1">
        <v>14.527181361352214</v>
      </c>
      <c r="U13" s="1">
        <v>14.627285513361462</v>
      </c>
      <c r="V13" s="1">
        <v>15</v>
      </c>
      <c r="W13" s="1">
        <v>64</v>
      </c>
      <c r="X13" s="1">
        <v>62</v>
      </c>
      <c r="Y13" s="1">
        <v>60</v>
      </c>
      <c r="Z13" s="1">
        <v>1946.5</v>
      </c>
      <c r="AA13" s="1">
        <v>1743</v>
      </c>
      <c r="AB13" s="1">
        <v>1723.5</v>
      </c>
      <c r="AC13" s="1">
        <v>19.727716414076546</v>
      </c>
      <c r="AD13" s="1">
        <v>21.342512908777969</v>
      </c>
      <c r="AE13" s="1">
        <v>20.887728459530027</v>
      </c>
      <c r="AF13" s="1">
        <v>45.625</v>
      </c>
      <c r="AG13" s="1">
        <v>55</v>
      </c>
      <c r="AH13" s="1">
        <v>58.125</v>
      </c>
      <c r="AI13" s="1">
        <v>71.333333333333329</v>
      </c>
      <c r="AJ13" s="1">
        <v>1461.3333333333333</v>
      </c>
      <c r="AK13" s="1">
        <v>29.543797757815629</v>
      </c>
      <c r="AL13" s="1">
        <v>52.666666666666664</v>
      </c>
      <c r="AM13" s="1">
        <v>2147.3333333333335</v>
      </c>
      <c r="AN13" s="1">
        <v>14.71815562490456</v>
      </c>
      <c r="AO13" s="1">
        <v>62</v>
      </c>
      <c r="AP13" s="1">
        <v>1804.3333333333333</v>
      </c>
      <c r="AQ13" s="1">
        <v>20.652652594128181</v>
      </c>
      <c r="AR13" s="1">
        <v>52.916666666666664</v>
      </c>
    </row>
    <row r="14" spans="1:44" x14ac:dyDescent="0.3">
      <c r="A14" s="2">
        <v>0</v>
      </c>
      <c r="B14" s="1">
        <v>13</v>
      </c>
      <c r="C14" s="1">
        <v>25</v>
      </c>
      <c r="D14" s="1">
        <v>1</v>
      </c>
      <c r="E14" s="1">
        <v>57</v>
      </c>
      <c r="F14" s="1">
        <v>44</v>
      </c>
      <c r="G14" s="1">
        <v>50</v>
      </c>
      <c r="H14" s="1">
        <v>1903</v>
      </c>
      <c r="I14" s="1">
        <v>1938</v>
      </c>
      <c r="J14" s="1">
        <v>1758</v>
      </c>
      <c r="K14" s="1">
        <v>17.971623751970572</v>
      </c>
      <c r="L14" s="1">
        <v>13.622291021671826</v>
      </c>
      <c r="M14" s="1">
        <v>17.064846416382252</v>
      </c>
      <c r="N14" s="1">
        <v>41</v>
      </c>
      <c r="O14" s="1">
        <v>48</v>
      </c>
      <c r="P14" s="1">
        <v>45</v>
      </c>
      <c r="Q14" s="1">
        <v>2584</v>
      </c>
      <c r="R14" s="1">
        <v>2874</v>
      </c>
      <c r="S14" s="1">
        <v>2227</v>
      </c>
      <c r="T14" s="1">
        <v>9.5201238390092886</v>
      </c>
      <c r="U14" s="1">
        <v>10.020876826722336</v>
      </c>
      <c r="V14" s="1">
        <v>12.123933542882803</v>
      </c>
      <c r="W14" s="1">
        <v>49</v>
      </c>
      <c r="X14" s="1">
        <v>46</v>
      </c>
      <c r="Y14" s="1">
        <v>47.5</v>
      </c>
      <c r="Z14" s="1">
        <v>2243.5</v>
      </c>
      <c r="AA14" s="1">
        <v>2406</v>
      </c>
      <c r="AB14" s="1">
        <v>1992.5</v>
      </c>
      <c r="AC14" s="1">
        <v>13.104524180967239</v>
      </c>
      <c r="AD14" s="1">
        <v>11.471321695760601</v>
      </c>
      <c r="AE14" s="1">
        <v>14.303638644918447</v>
      </c>
      <c r="AF14" s="1">
        <v>54.55</v>
      </c>
      <c r="AG14" s="1">
        <v>57.5</v>
      </c>
      <c r="AH14" s="1">
        <v>51</v>
      </c>
      <c r="AI14" s="1">
        <v>50.333333333333336</v>
      </c>
      <c r="AJ14" s="1">
        <v>1866.3333333333333</v>
      </c>
      <c r="AK14" s="1">
        <v>16.21958706334155</v>
      </c>
      <c r="AL14" s="1">
        <v>44.666666666666664</v>
      </c>
      <c r="AM14" s="1">
        <v>2561.6666666666665</v>
      </c>
      <c r="AN14" s="1">
        <v>10.554978069538143</v>
      </c>
      <c r="AO14" s="1">
        <v>47.5</v>
      </c>
      <c r="AP14" s="1">
        <v>2214</v>
      </c>
      <c r="AQ14" s="1">
        <v>12.959828173882096</v>
      </c>
      <c r="AR14" s="1">
        <v>54.35</v>
      </c>
    </row>
    <row r="15" spans="1:44" x14ac:dyDescent="0.3">
      <c r="A15" s="2">
        <v>1</v>
      </c>
      <c r="B15" s="1">
        <v>14</v>
      </c>
      <c r="C15" s="1">
        <v>23</v>
      </c>
      <c r="D15" s="1">
        <v>1</v>
      </c>
      <c r="E15" s="1">
        <v>92</v>
      </c>
      <c r="F15" s="1">
        <v>92</v>
      </c>
      <c r="G15" s="1">
        <v>89</v>
      </c>
      <c r="H15" s="1">
        <v>1319</v>
      </c>
      <c r="I15" s="1">
        <v>1161</v>
      </c>
      <c r="J15" s="1">
        <v>1103</v>
      </c>
      <c r="K15" s="1">
        <v>41.849886277482952</v>
      </c>
      <c r="L15" s="1">
        <v>47.545219638242898</v>
      </c>
      <c r="M15" s="1">
        <v>48.413417951042611</v>
      </c>
      <c r="N15" s="1">
        <v>69</v>
      </c>
      <c r="O15" s="1">
        <v>67</v>
      </c>
      <c r="P15" s="1">
        <v>53</v>
      </c>
      <c r="Q15" s="1">
        <v>2066</v>
      </c>
      <c r="R15" s="1">
        <v>2011</v>
      </c>
      <c r="S15" s="1">
        <v>1784</v>
      </c>
      <c r="T15" s="1">
        <v>20.038722168441435</v>
      </c>
      <c r="U15" s="1">
        <v>19.990054699154648</v>
      </c>
      <c r="V15" s="1">
        <v>17.825112107623319</v>
      </c>
      <c r="W15" s="1">
        <v>80.5</v>
      </c>
      <c r="X15" s="1">
        <v>79.5</v>
      </c>
      <c r="Y15" s="1">
        <v>71</v>
      </c>
      <c r="Z15" s="1">
        <v>1692.5</v>
      </c>
      <c r="AA15" s="1">
        <v>1586</v>
      </c>
      <c r="AB15" s="1">
        <v>1443.5</v>
      </c>
      <c r="AC15" s="1">
        <v>28.537666174298376</v>
      </c>
      <c r="AD15" s="1">
        <v>30.075662042875152</v>
      </c>
      <c r="AE15" s="1">
        <v>29.511603740907518</v>
      </c>
      <c r="AF15" s="1">
        <v>22.5</v>
      </c>
      <c r="AG15" s="1">
        <v>39.424999999999997</v>
      </c>
      <c r="AH15" s="1">
        <v>18.5</v>
      </c>
      <c r="AI15" s="1">
        <v>91</v>
      </c>
      <c r="AJ15" s="1">
        <v>1194.3333333333333</v>
      </c>
      <c r="AK15" s="1">
        <v>45.936174622256154</v>
      </c>
      <c r="AL15" s="1">
        <v>63</v>
      </c>
      <c r="AM15" s="1">
        <v>1953.6666666666667</v>
      </c>
      <c r="AN15" s="1">
        <v>19.284629658406466</v>
      </c>
      <c r="AO15" s="1">
        <v>77</v>
      </c>
      <c r="AP15" s="1">
        <v>1574</v>
      </c>
      <c r="AQ15" s="1">
        <v>29.374977319360351</v>
      </c>
      <c r="AR15" s="1">
        <v>26.808333333333334</v>
      </c>
    </row>
    <row r="16" spans="1:44" x14ac:dyDescent="0.3">
      <c r="A16" s="2">
        <v>1</v>
      </c>
      <c r="B16" s="1">
        <v>15</v>
      </c>
      <c r="C16" s="1">
        <v>26</v>
      </c>
      <c r="D16" s="1">
        <v>1</v>
      </c>
      <c r="E16" s="1">
        <v>54</v>
      </c>
      <c r="F16" s="1">
        <v>47</v>
      </c>
      <c r="G16" s="1">
        <v>49</v>
      </c>
      <c r="H16" s="1">
        <v>840</v>
      </c>
      <c r="I16" s="1">
        <v>965</v>
      </c>
      <c r="J16" s="1">
        <v>957</v>
      </c>
      <c r="K16" s="1">
        <v>38.571428571428577</v>
      </c>
      <c r="L16" s="1">
        <v>29.222797927461134</v>
      </c>
      <c r="M16" s="1">
        <v>30.721003134796241</v>
      </c>
      <c r="N16" s="1">
        <v>45</v>
      </c>
      <c r="O16" s="1">
        <v>53</v>
      </c>
      <c r="P16" s="1">
        <v>47</v>
      </c>
      <c r="Q16" s="1">
        <v>1649</v>
      </c>
      <c r="R16" s="1">
        <v>1875</v>
      </c>
      <c r="S16" s="1">
        <v>1910</v>
      </c>
      <c r="T16" s="1">
        <v>16.373559733171618</v>
      </c>
      <c r="U16" s="1">
        <v>16.96</v>
      </c>
      <c r="V16" s="1">
        <v>14.764397905759161</v>
      </c>
      <c r="W16" s="1">
        <v>49.5</v>
      </c>
      <c r="X16" s="1">
        <v>50</v>
      </c>
      <c r="Y16" s="1">
        <v>48</v>
      </c>
      <c r="Z16" s="1">
        <v>1244.5</v>
      </c>
      <c r="AA16" s="1">
        <v>1420</v>
      </c>
      <c r="AB16" s="1">
        <v>1433.5</v>
      </c>
      <c r="AC16" s="1">
        <v>23.865006026516671</v>
      </c>
      <c r="AD16" s="1">
        <v>21.126760563380284</v>
      </c>
      <c r="AE16" s="1">
        <v>20.090687129403559</v>
      </c>
      <c r="AF16" s="1">
        <v>36</v>
      </c>
      <c r="AG16" s="1">
        <v>44.85</v>
      </c>
      <c r="AH16" s="1">
        <v>32.024999999999999</v>
      </c>
      <c r="AI16" s="1">
        <v>50</v>
      </c>
      <c r="AJ16" s="1">
        <v>920.66666666666663</v>
      </c>
      <c r="AK16" s="1">
        <v>32.838409877895316</v>
      </c>
      <c r="AL16" s="1">
        <v>48.333333333333336</v>
      </c>
      <c r="AM16" s="1">
        <v>1811.3333333333333</v>
      </c>
      <c r="AN16" s="1">
        <v>16.03265254631026</v>
      </c>
      <c r="AO16" s="1">
        <v>49.166666666666664</v>
      </c>
      <c r="AP16" s="1">
        <v>1366</v>
      </c>
      <c r="AQ16" s="1">
        <v>21.694151239766839</v>
      </c>
      <c r="AR16" s="1">
        <v>37.625</v>
      </c>
    </row>
    <row r="17" spans="1:44" x14ac:dyDescent="0.3">
      <c r="A17" s="2">
        <v>1</v>
      </c>
      <c r="B17" s="1">
        <v>16</v>
      </c>
      <c r="C17" s="1">
        <v>23</v>
      </c>
      <c r="D17" s="1">
        <v>1</v>
      </c>
      <c r="E17" s="1">
        <v>72</v>
      </c>
      <c r="F17" s="1">
        <v>75</v>
      </c>
      <c r="G17" s="1">
        <v>74</v>
      </c>
      <c r="H17" s="1">
        <v>1404</v>
      </c>
      <c r="I17" s="1">
        <v>1221</v>
      </c>
      <c r="J17" s="1">
        <v>1112</v>
      </c>
      <c r="K17" s="1">
        <v>30.769230769230766</v>
      </c>
      <c r="L17" s="1">
        <v>36.85503685503685</v>
      </c>
      <c r="M17" s="1">
        <v>39.928057553956833</v>
      </c>
      <c r="N17" s="1">
        <v>55</v>
      </c>
      <c r="O17" s="1">
        <v>53</v>
      </c>
      <c r="P17" s="1">
        <v>59</v>
      </c>
      <c r="Q17" s="1">
        <v>1648</v>
      </c>
      <c r="R17" s="1">
        <v>1672</v>
      </c>
      <c r="S17" s="1">
        <v>1609</v>
      </c>
      <c r="T17" s="1">
        <v>20.024271844660195</v>
      </c>
      <c r="U17" s="1">
        <v>19.019138755980858</v>
      </c>
      <c r="V17" s="1">
        <v>22.001243008079552</v>
      </c>
      <c r="W17" s="1">
        <v>63.5</v>
      </c>
      <c r="X17" s="1">
        <v>64</v>
      </c>
      <c r="Y17" s="1">
        <v>66.5</v>
      </c>
      <c r="Z17" s="1">
        <v>1526</v>
      </c>
      <c r="AA17" s="1">
        <v>1446.5</v>
      </c>
      <c r="AB17" s="1">
        <v>1360.5</v>
      </c>
      <c r="AC17" s="1">
        <v>24.967234600262124</v>
      </c>
      <c r="AD17" s="1">
        <v>26.546837193225027</v>
      </c>
      <c r="AE17" s="1">
        <v>29.327453142227121</v>
      </c>
      <c r="AF17" s="1">
        <v>33</v>
      </c>
      <c r="AG17" s="1">
        <v>44.575000000000003</v>
      </c>
      <c r="AH17" s="1">
        <v>37.174999999999997</v>
      </c>
      <c r="AI17" s="1">
        <v>73.666666666666671</v>
      </c>
      <c r="AJ17" s="1">
        <v>1245.6666666666667</v>
      </c>
      <c r="AK17" s="1">
        <v>35.85077505940815</v>
      </c>
      <c r="AL17" s="1">
        <v>55.666666666666664</v>
      </c>
      <c r="AM17" s="1">
        <v>1643</v>
      </c>
      <c r="AN17" s="1">
        <v>20.348217869573535</v>
      </c>
      <c r="AO17" s="1">
        <v>64.666666666666671</v>
      </c>
      <c r="AP17" s="1">
        <v>1444.3333333333333</v>
      </c>
      <c r="AQ17" s="1">
        <v>26.947174978571422</v>
      </c>
      <c r="AR17" s="1">
        <v>38.25</v>
      </c>
    </row>
    <row r="18" spans="1:44" x14ac:dyDescent="0.3">
      <c r="A18" s="2">
        <v>0</v>
      </c>
      <c r="B18" s="1">
        <v>17</v>
      </c>
      <c r="C18" s="1">
        <v>22</v>
      </c>
      <c r="D18" s="1">
        <v>0</v>
      </c>
      <c r="E18" s="1">
        <v>61</v>
      </c>
      <c r="F18" s="1">
        <v>65</v>
      </c>
      <c r="G18" s="1">
        <v>62</v>
      </c>
      <c r="H18" s="1">
        <v>1202</v>
      </c>
      <c r="I18" s="1">
        <v>916</v>
      </c>
      <c r="J18" s="1">
        <v>853</v>
      </c>
      <c r="K18" s="1">
        <v>30.449251247920131</v>
      </c>
      <c r="L18" s="1">
        <v>42.5764192139738</v>
      </c>
      <c r="M18" s="1">
        <v>43.610785463071515</v>
      </c>
      <c r="N18" s="1">
        <v>56</v>
      </c>
      <c r="O18" s="1">
        <v>52</v>
      </c>
      <c r="P18" s="1">
        <v>36</v>
      </c>
      <c r="Q18" s="1">
        <v>1859</v>
      </c>
      <c r="R18" s="1">
        <v>1735</v>
      </c>
      <c r="S18" s="1">
        <v>1716</v>
      </c>
      <c r="T18" s="1">
        <v>18.074233458848845</v>
      </c>
      <c r="U18" s="1">
        <v>17.982708933717579</v>
      </c>
      <c r="V18" s="1">
        <v>12.587412587412587</v>
      </c>
      <c r="W18" s="1">
        <v>58.5</v>
      </c>
      <c r="X18" s="1">
        <v>58.5</v>
      </c>
      <c r="Y18" s="1">
        <v>49</v>
      </c>
      <c r="Z18" s="1">
        <v>1530.5</v>
      </c>
      <c r="AA18" s="1">
        <v>1325.5</v>
      </c>
      <c r="AB18" s="1">
        <v>1284.5</v>
      </c>
      <c r="AC18" s="1">
        <v>22.933681803332242</v>
      </c>
      <c r="AD18" s="1">
        <v>26.480573368540174</v>
      </c>
      <c r="AE18" s="1">
        <v>22.888283378746596</v>
      </c>
      <c r="AF18" s="1">
        <v>11.5</v>
      </c>
      <c r="AG18" s="1">
        <v>9.5749999999999993</v>
      </c>
      <c r="AH18" s="1">
        <v>9.3000000000000007</v>
      </c>
      <c r="AI18" s="1">
        <v>62.666666666666664</v>
      </c>
      <c r="AJ18" s="1">
        <v>990.33333333333337</v>
      </c>
      <c r="AK18" s="1">
        <v>38.878818641655151</v>
      </c>
      <c r="AL18" s="1">
        <v>48</v>
      </c>
      <c r="AM18" s="1">
        <v>1770</v>
      </c>
      <c r="AN18" s="1">
        <v>16.214784993326337</v>
      </c>
      <c r="AO18" s="1">
        <v>55.333333333333336</v>
      </c>
      <c r="AP18" s="1">
        <v>1380.1666666666667</v>
      </c>
      <c r="AQ18" s="1">
        <v>24.100846183539669</v>
      </c>
      <c r="AR18" s="1">
        <v>10.125</v>
      </c>
    </row>
    <row r="19" spans="1:44" x14ac:dyDescent="0.3">
      <c r="A19" s="2">
        <v>0</v>
      </c>
      <c r="B19" s="1">
        <v>18</v>
      </c>
      <c r="C19" s="1">
        <v>26</v>
      </c>
      <c r="D19" s="1">
        <v>0</v>
      </c>
      <c r="E19" s="1">
        <v>61</v>
      </c>
      <c r="F19" s="1">
        <v>64</v>
      </c>
      <c r="G19" s="1">
        <v>58</v>
      </c>
      <c r="H19" s="1">
        <v>1528</v>
      </c>
      <c r="I19" s="1">
        <v>1255</v>
      </c>
      <c r="J19" s="1">
        <v>1098</v>
      </c>
      <c r="K19" s="1">
        <v>23.952879581151834</v>
      </c>
      <c r="L19" s="1">
        <v>30.597609561752993</v>
      </c>
      <c r="M19" s="1">
        <v>31.693989071038246</v>
      </c>
      <c r="N19" s="1">
        <v>28</v>
      </c>
      <c r="O19" s="1">
        <v>41</v>
      </c>
      <c r="P19" s="1">
        <v>44</v>
      </c>
      <c r="Q19" s="1">
        <v>1841</v>
      </c>
      <c r="R19" s="1">
        <v>1875</v>
      </c>
      <c r="S19" s="1">
        <v>1890</v>
      </c>
      <c r="T19" s="1">
        <v>9.1254752851711025</v>
      </c>
      <c r="U19" s="1">
        <v>13.120000000000001</v>
      </c>
      <c r="V19" s="1">
        <v>13.968253968253968</v>
      </c>
      <c r="W19" s="1">
        <v>44.5</v>
      </c>
      <c r="X19" s="1">
        <v>52.5</v>
      </c>
      <c r="Y19" s="1">
        <v>51</v>
      </c>
      <c r="Z19" s="1">
        <v>1684.5</v>
      </c>
      <c r="AA19" s="1">
        <v>1565</v>
      </c>
      <c r="AB19" s="1">
        <v>1494</v>
      </c>
      <c r="AC19" s="1">
        <v>15.85040071237756</v>
      </c>
      <c r="AD19" s="1">
        <v>20.127795527156547</v>
      </c>
      <c r="AE19" s="1">
        <v>20.481927710843372</v>
      </c>
      <c r="AF19" s="1">
        <v>48.5</v>
      </c>
      <c r="AG19" s="1">
        <v>46.1</v>
      </c>
      <c r="AH19" s="1">
        <v>54.774999999999999</v>
      </c>
      <c r="AI19" s="1">
        <v>61</v>
      </c>
      <c r="AJ19" s="1">
        <v>1293.6666666666667</v>
      </c>
      <c r="AK19" s="1">
        <v>28.748159404647691</v>
      </c>
      <c r="AL19" s="1">
        <v>37.666666666666664</v>
      </c>
      <c r="AM19" s="1">
        <v>1868.6666666666667</v>
      </c>
      <c r="AN19" s="1">
        <v>12.071243084475023</v>
      </c>
      <c r="AO19" s="1">
        <v>49.333333333333336</v>
      </c>
      <c r="AP19" s="1">
        <v>1581.1666666666667</v>
      </c>
      <c r="AQ19" s="1">
        <v>18.820041316792494</v>
      </c>
      <c r="AR19" s="1">
        <v>49.791666666666664</v>
      </c>
    </row>
    <row r="20" spans="1:44" x14ac:dyDescent="0.3">
      <c r="A20" s="2">
        <v>0</v>
      </c>
      <c r="B20" s="1">
        <v>19</v>
      </c>
      <c r="C20" s="1">
        <v>24</v>
      </c>
      <c r="D20" s="1">
        <v>1</v>
      </c>
      <c r="E20" s="1">
        <v>68</v>
      </c>
      <c r="F20" s="1">
        <v>36</v>
      </c>
      <c r="G20" s="1">
        <v>60</v>
      </c>
      <c r="H20" s="1">
        <v>1110</v>
      </c>
      <c r="I20" s="1">
        <v>1025</v>
      </c>
      <c r="J20" s="1">
        <v>905</v>
      </c>
      <c r="K20" s="1">
        <v>36.756756756756758</v>
      </c>
      <c r="L20" s="1">
        <v>21.073170731707314</v>
      </c>
      <c r="M20" s="1">
        <v>39.77900552486188</v>
      </c>
      <c r="N20" s="1">
        <v>45</v>
      </c>
      <c r="O20" s="1">
        <v>34</v>
      </c>
      <c r="P20" s="1">
        <v>34</v>
      </c>
      <c r="Q20" s="1">
        <v>1856</v>
      </c>
      <c r="R20" s="1">
        <v>1884</v>
      </c>
      <c r="S20" s="1">
        <v>1805</v>
      </c>
      <c r="T20" s="1">
        <v>14.547413793103447</v>
      </c>
      <c r="U20" s="1">
        <v>10.828025477707005</v>
      </c>
      <c r="V20" s="1">
        <v>11.301939058171744</v>
      </c>
      <c r="W20" s="1">
        <v>56.5</v>
      </c>
      <c r="X20" s="1">
        <v>35</v>
      </c>
      <c r="Y20" s="1">
        <v>47</v>
      </c>
      <c r="Z20" s="1">
        <v>1483</v>
      </c>
      <c r="AA20" s="1">
        <v>1454.5</v>
      </c>
      <c r="AB20" s="1">
        <v>1355</v>
      </c>
      <c r="AC20" s="1">
        <v>22.859069453809845</v>
      </c>
      <c r="AD20" s="1">
        <v>14.437951185974562</v>
      </c>
      <c r="AE20" s="1">
        <v>20.811808118081181</v>
      </c>
      <c r="AF20" s="1">
        <v>28.5</v>
      </c>
      <c r="AG20" s="1">
        <v>42.95</v>
      </c>
      <c r="AH20" s="1">
        <v>36.15</v>
      </c>
      <c r="AI20" s="1">
        <v>54.666666666666664</v>
      </c>
      <c r="AJ20" s="1">
        <v>1013.3333333333334</v>
      </c>
      <c r="AK20" s="1">
        <v>32.536311004441984</v>
      </c>
      <c r="AL20" s="1">
        <v>37.666666666666664</v>
      </c>
      <c r="AM20" s="1">
        <v>1848.3333333333333</v>
      </c>
      <c r="AN20" s="1">
        <v>12.225792776327401</v>
      </c>
      <c r="AO20" s="1">
        <v>46.166666666666664</v>
      </c>
      <c r="AP20" s="1">
        <v>1430.8333333333333</v>
      </c>
      <c r="AQ20" s="1">
        <v>19.369609585955196</v>
      </c>
      <c r="AR20" s="1">
        <v>35.866666666666667</v>
      </c>
    </row>
    <row r="21" spans="1:44" x14ac:dyDescent="0.3">
      <c r="A21" s="2">
        <v>1</v>
      </c>
      <c r="B21" s="1">
        <v>20</v>
      </c>
      <c r="C21" s="1">
        <v>22</v>
      </c>
      <c r="D21" s="1">
        <v>1</v>
      </c>
      <c r="E21" s="1">
        <v>67</v>
      </c>
      <c r="F21" s="1">
        <v>78</v>
      </c>
      <c r="G21" s="1">
        <v>81</v>
      </c>
      <c r="H21" s="1">
        <v>1619</v>
      </c>
      <c r="I21" s="1">
        <v>1530</v>
      </c>
      <c r="J21" s="1">
        <v>1539</v>
      </c>
      <c r="K21" s="1">
        <v>24.830142063001855</v>
      </c>
      <c r="L21" s="1">
        <v>30.588235294117652</v>
      </c>
      <c r="M21" s="1">
        <v>31.578947368421058</v>
      </c>
      <c r="N21" s="1">
        <v>48</v>
      </c>
      <c r="O21" s="1">
        <v>38</v>
      </c>
      <c r="P21" s="1">
        <v>41</v>
      </c>
      <c r="Q21" s="1">
        <v>2414</v>
      </c>
      <c r="R21" s="1">
        <v>2436</v>
      </c>
      <c r="S21" s="1">
        <v>2453</v>
      </c>
      <c r="T21" s="1">
        <v>11.930405965202985</v>
      </c>
      <c r="U21" s="1">
        <v>9.3596059113300498</v>
      </c>
      <c r="V21" s="1">
        <v>10.028536485935589</v>
      </c>
      <c r="W21" s="1">
        <v>57.5</v>
      </c>
      <c r="X21" s="1">
        <v>58</v>
      </c>
      <c r="Y21" s="1">
        <v>61</v>
      </c>
      <c r="Z21" s="1">
        <v>2016.5</v>
      </c>
      <c r="AA21" s="1">
        <v>1983</v>
      </c>
      <c r="AB21" s="1">
        <v>1996</v>
      </c>
      <c r="AC21" s="1">
        <v>17.108851971237293</v>
      </c>
      <c r="AD21" s="1">
        <v>17.549167927382754</v>
      </c>
      <c r="AE21" s="1">
        <v>18.336673346693384</v>
      </c>
      <c r="AF21" s="1">
        <v>51</v>
      </c>
      <c r="AG21" s="1">
        <v>59.1</v>
      </c>
      <c r="AH21" s="1">
        <v>49.575000000000003</v>
      </c>
      <c r="AI21" s="1">
        <v>75.333333333333329</v>
      </c>
      <c r="AJ21" s="1">
        <v>1562.6666666666667</v>
      </c>
      <c r="AK21" s="1">
        <v>28.999108241846855</v>
      </c>
      <c r="AL21" s="1">
        <v>42.333333333333336</v>
      </c>
      <c r="AM21" s="1">
        <v>2434.3333333333335</v>
      </c>
      <c r="AN21" s="1">
        <v>10.439516120822875</v>
      </c>
      <c r="AO21" s="1">
        <v>58.833333333333336</v>
      </c>
      <c r="AP21" s="1">
        <v>1998.5</v>
      </c>
      <c r="AQ21" s="1">
        <v>17.664897748437809</v>
      </c>
      <c r="AR21" s="1">
        <v>53.225000000000001</v>
      </c>
    </row>
    <row r="22" spans="1:44" x14ac:dyDescent="0.3">
      <c r="A22" s="2">
        <v>1</v>
      </c>
      <c r="B22" s="1">
        <v>21</v>
      </c>
      <c r="C22" s="1">
        <v>28</v>
      </c>
      <c r="D22" s="1">
        <v>1</v>
      </c>
      <c r="E22" s="1">
        <v>79</v>
      </c>
      <c r="F22" s="1">
        <v>56</v>
      </c>
      <c r="G22" s="1">
        <v>51</v>
      </c>
      <c r="H22" s="1">
        <v>1233</v>
      </c>
      <c r="I22" s="1">
        <v>1237</v>
      </c>
      <c r="J22" s="1">
        <v>1236</v>
      </c>
      <c r="K22" s="1">
        <v>38.442822384428219</v>
      </c>
      <c r="L22" s="1">
        <v>27.162489894907036</v>
      </c>
      <c r="M22" s="1">
        <v>24.757281553398059</v>
      </c>
      <c r="N22" s="1">
        <v>55</v>
      </c>
      <c r="O22" s="1">
        <v>61</v>
      </c>
      <c r="P22" s="1">
        <v>61</v>
      </c>
      <c r="Q22" s="1">
        <v>1965</v>
      </c>
      <c r="R22" s="1">
        <v>2232</v>
      </c>
      <c r="S22" s="1">
        <v>1968</v>
      </c>
      <c r="T22" s="1">
        <v>16.793893129770993</v>
      </c>
      <c r="U22" s="1">
        <v>16.397849462365592</v>
      </c>
      <c r="V22" s="1">
        <v>18.597560975609756</v>
      </c>
      <c r="W22" s="1">
        <v>67</v>
      </c>
      <c r="X22" s="1">
        <v>58.5</v>
      </c>
      <c r="Y22" s="1">
        <v>56</v>
      </c>
      <c r="Z22" s="1">
        <v>1599</v>
      </c>
      <c r="AA22" s="1">
        <v>1734.5</v>
      </c>
      <c r="AB22" s="1">
        <v>1602</v>
      </c>
      <c r="AC22" s="1">
        <v>25.140712945590991</v>
      </c>
      <c r="AD22" s="1">
        <v>20.236379360046122</v>
      </c>
      <c r="AE22" s="1">
        <v>20.973782771535582</v>
      </c>
      <c r="AF22" s="1">
        <v>42.5</v>
      </c>
      <c r="AG22" s="1">
        <v>50.024999999999999</v>
      </c>
      <c r="AH22" s="1">
        <v>72.2</v>
      </c>
      <c r="AI22" s="1">
        <v>62</v>
      </c>
      <c r="AJ22" s="1">
        <v>1235.3333333333333</v>
      </c>
      <c r="AK22" s="1">
        <v>30.120864610911102</v>
      </c>
      <c r="AL22" s="1">
        <v>59</v>
      </c>
      <c r="AM22" s="1">
        <v>2055</v>
      </c>
      <c r="AN22" s="1">
        <v>17.263101189248783</v>
      </c>
      <c r="AO22" s="1">
        <v>60.5</v>
      </c>
      <c r="AP22" s="1">
        <v>1645.1666666666667</v>
      </c>
      <c r="AQ22" s="1">
        <v>22.116958359057566</v>
      </c>
      <c r="AR22" s="1">
        <v>54.908333333333339</v>
      </c>
    </row>
    <row r="23" spans="1:44" x14ac:dyDescent="0.3">
      <c r="A23" s="2">
        <v>0</v>
      </c>
      <c r="B23" s="1">
        <v>22</v>
      </c>
      <c r="C23" s="1">
        <v>21</v>
      </c>
      <c r="D23" s="1">
        <v>0</v>
      </c>
      <c r="E23" s="1">
        <v>53</v>
      </c>
      <c r="F23" s="1">
        <v>54</v>
      </c>
      <c r="G23" s="1">
        <v>36</v>
      </c>
      <c r="H23" s="1">
        <v>1018</v>
      </c>
      <c r="I23" s="1">
        <v>841</v>
      </c>
      <c r="J23" s="1">
        <v>912</v>
      </c>
      <c r="K23" s="1">
        <v>31.237721021611002</v>
      </c>
      <c r="L23" s="1">
        <v>38.525564803804997</v>
      </c>
      <c r="M23" s="1">
        <v>23.684210526315788</v>
      </c>
      <c r="N23" s="1">
        <v>28</v>
      </c>
      <c r="O23" s="1">
        <v>39</v>
      </c>
      <c r="P23" s="1">
        <v>25</v>
      </c>
      <c r="Q23" s="1">
        <v>1624</v>
      </c>
      <c r="R23" s="1">
        <v>1626</v>
      </c>
      <c r="S23" s="1">
        <v>1644</v>
      </c>
      <c r="T23" s="1">
        <v>10.344827586206895</v>
      </c>
      <c r="U23" s="1">
        <v>14.391143911439114</v>
      </c>
      <c r="V23" s="1">
        <v>9.1240875912408761</v>
      </c>
      <c r="W23" s="1">
        <v>40.5</v>
      </c>
      <c r="X23" s="1">
        <v>46.5</v>
      </c>
      <c r="Y23" s="1">
        <v>30.5</v>
      </c>
      <c r="Z23" s="1">
        <v>1321</v>
      </c>
      <c r="AA23" s="1">
        <v>1233.5</v>
      </c>
      <c r="AB23" s="1">
        <v>1278</v>
      </c>
      <c r="AC23" s="1">
        <v>18.395155185465558</v>
      </c>
      <c r="AD23" s="1">
        <v>22.61856505877584</v>
      </c>
      <c r="AE23" s="1">
        <v>14.31924882629108</v>
      </c>
      <c r="AF23" s="1">
        <v>78.5</v>
      </c>
      <c r="AG23" s="1">
        <v>90.6</v>
      </c>
      <c r="AH23" s="1">
        <v>94.424999999999997</v>
      </c>
      <c r="AI23" s="1">
        <v>47.666666666666664</v>
      </c>
      <c r="AJ23" s="1">
        <v>923.66666666666663</v>
      </c>
      <c r="AK23" s="1">
        <v>31.149165450577261</v>
      </c>
      <c r="AL23" s="1">
        <v>30.666666666666668</v>
      </c>
      <c r="AM23" s="1">
        <v>1631.3333333333333</v>
      </c>
      <c r="AN23" s="1">
        <v>11.286686362962294</v>
      </c>
      <c r="AO23" s="1">
        <v>39.166666666666664</v>
      </c>
      <c r="AP23" s="1">
        <v>1277.5</v>
      </c>
      <c r="AQ23" s="1">
        <v>18.444323023510826</v>
      </c>
      <c r="AR23" s="1">
        <v>87.841666666666654</v>
      </c>
    </row>
    <row r="24" spans="1:44" x14ac:dyDescent="0.3">
      <c r="A24" s="2">
        <v>1</v>
      </c>
      <c r="B24" s="1">
        <v>23</v>
      </c>
      <c r="C24" s="1">
        <v>21</v>
      </c>
      <c r="D24" s="1">
        <v>0</v>
      </c>
      <c r="E24" s="1">
        <v>54</v>
      </c>
      <c r="F24" s="1">
        <v>51</v>
      </c>
      <c r="G24" s="1">
        <v>40</v>
      </c>
      <c r="H24" s="1">
        <v>1563</v>
      </c>
      <c r="I24" s="1">
        <v>1451</v>
      </c>
      <c r="J24" s="1">
        <v>1374</v>
      </c>
      <c r="K24" s="1">
        <v>20.729366602687143</v>
      </c>
      <c r="L24" s="1">
        <v>21.088904203997242</v>
      </c>
      <c r="M24" s="1">
        <v>17.467248908296941</v>
      </c>
      <c r="N24" s="1">
        <v>53</v>
      </c>
      <c r="O24" s="1">
        <v>52</v>
      </c>
      <c r="P24" s="1">
        <v>47</v>
      </c>
      <c r="Q24" s="1">
        <v>1999</v>
      </c>
      <c r="R24" s="1">
        <v>1967</v>
      </c>
      <c r="S24" s="1">
        <v>1928</v>
      </c>
      <c r="T24" s="1">
        <v>15.907953976988495</v>
      </c>
      <c r="U24" s="1">
        <v>15.861718352821555</v>
      </c>
      <c r="V24" s="1">
        <v>14.62655601659751</v>
      </c>
      <c r="W24" s="1">
        <v>53.5</v>
      </c>
      <c r="X24" s="1">
        <v>51.5</v>
      </c>
      <c r="Y24" s="1">
        <v>43.5</v>
      </c>
      <c r="Z24" s="1">
        <v>1781</v>
      </c>
      <c r="AA24" s="1">
        <v>1709</v>
      </c>
      <c r="AB24" s="1">
        <v>1651</v>
      </c>
      <c r="AC24" s="1">
        <v>18.0235822571589</v>
      </c>
      <c r="AD24" s="1">
        <v>18.080748976009364</v>
      </c>
      <c r="AE24" s="1">
        <v>15.808600847970926</v>
      </c>
      <c r="AF24" s="1">
        <v>49.5</v>
      </c>
      <c r="AG24" s="1">
        <v>47.05</v>
      </c>
      <c r="AH24" s="1">
        <v>49.725000000000001</v>
      </c>
      <c r="AI24" s="1">
        <v>48.333333333333336</v>
      </c>
      <c r="AJ24" s="1">
        <v>1462.6666666666667</v>
      </c>
      <c r="AK24" s="1">
        <v>19.761839904993774</v>
      </c>
      <c r="AL24" s="1">
        <v>50.666666666666664</v>
      </c>
      <c r="AM24" s="1">
        <v>1964.6666666666667</v>
      </c>
      <c r="AN24" s="1">
        <v>15.46540944880252</v>
      </c>
      <c r="AO24" s="1">
        <v>49.5</v>
      </c>
      <c r="AP24" s="1">
        <v>1713.6666666666667</v>
      </c>
      <c r="AQ24" s="1">
        <v>17.304310693713063</v>
      </c>
      <c r="AR24" s="1">
        <v>48.758333333333333</v>
      </c>
    </row>
    <row r="25" spans="1:44" x14ac:dyDescent="0.3">
      <c r="A25" s="2">
        <v>0</v>
      </c>
      <c r="B25" s="1">
        <v>24</v>
      </c>
      <c r="C25" s="1">
        <v>24</v>
      </c>
      <c r="D25" s="1">
        <v>1</v>
      </c>
      <c r="E25" s="1">
        <v>78</v>
      </c>
      <c r="F25" s="1">
        <v>51</v>
      </c>
      <c r="G25" s="1">
        <v>64</v>
      </c>
      <c r="H25" s="1">
        <v>1234</v>
      </c>
      <c r="I25" s="1">
        <v>1325</v>
      </c>
      <c r="J25" s="1">
        <v>1355</v>
      </c>
      <c r="K25" s="1">
        <v>37.925445705024316</v>
      </c>
      <c r="L25" s="1">
        <v>23.09433962264151</v>
      </c>
      <c r="M25" s="1">
        <v>28.339483394833948</v>
      </c>
      <c r="N25" s="1">
        <v>62</v>
      </c>
      <c r="O25" s="1">
        <v>61</v>
      </c>
      <c r="P25" s="1">
        <v>47</v>
      </c>
      <c r="Q25" s="1">
        <v>2626</v>
      </c>
      <c r="R25" s="1">
        <v>2687</v>
      </c>
      <c r="S25" s="1">
        <v>2682</v>
      </c>
      <c r="T25" s="1">
        <v>14.166031987814167</v>
      </c>
      <c r="U25" s="1">
        <v>13.621138816524004</v>
      </c>
      <c r="V25" s="1">
        <v>10.514541387024609</v>
      </c>
      <c r="W25" s="1">
        <v>70</v>
      </c>
      <c r="X25" s="1">
        <v>56</v>
      </c>
      <c r="Y25" s="1">
        <v>55.5</v>
      </c>
      <c r="Z25" s="1">
        <v>1930</v>
      </c>
      <c r="AA25" s="1">
        <v>2006</v>
      </c>
      <c r="AB25" s="1">
        <v>2018.5</v>
      </c>
      <c r="AC25" s="1">
        <v>21.761658031088082</v>
      </c>
      <c r="AD25" s="1">
        <v>16.749750747756728</v>
      </c>
      <c r="AE25" s="1">
        <v>16.497399058706961</v>
      </c>
      <c r="AF25" s="1">
        <v>56</v>
      </c>
      <c r="AG25" s="1">
        <v>68.900000000000006</v>
      </c>
      <c r="AH25" s="1">
        <v>75.599999999999994</v>
      </c>
      <c r="AI25" s="1">
        <v>64.333333333333329</v>
      </c>
      <c r="AJ25" s="1">
        <v>1304.6666666666667</v>
      </c>
      <c r="AK25" s="1">
        <v>29.786422907499926</v>
      </c>
      <c r="AL25" s="1">
        <v>56.666666666666664</v>
      </c>
      <c r="AM25" s="1">
        <v>2665</v>
      </c>
      <c r="AN25" s="1">
        <v>12.767237397120928</v>
      </c>
      <c r="AO25" s="1">
        <v>60.5</v>
      </c>
      <c r="AP25" s="1">
        <v>1984.8333333333333</v>
      </c>
      <c r="AQ25" s="1">
        <v>18.336269279183924</v>
      </c>
      <c r="AR25" s="1">
        <v>66.833333333333329</v>
      </c>
    </row>
    <row r="26" spans="1:44" x14ac:dyDescent="0.3">
      <c r="A26" s="2">
        <v>0</v>
      </c>
      <c r="B26" s="1">
        <v>25</v>
      </c>
      <c r="C26" s="1">
        <v>24</v>
      </c>
      <c r="D26" s="1">
        <v>1</v>
      </c>
      <c r="E26" s="1">
        <v>64</v>
      </c>
      <c r="F26" s="1">
        <v>58</v>
      </c>
      <c r="G26" s="1">
        <v>60</v>
      </c>
      <c r="H26" s="1">
        <v>1207</v>
      </c>
      <c r="I26" s="1">
        <v>1000</v>
      </c>
      <c r="J26" s="1">
        <v>870</v>
      </c>
      <c r="K26" s="1">
        <v>31.814415907207948</v>
      </c>
      <c r="L26" s="1">
        <v>34.799999999999997</v>
      </c>
      <c r="M26" s="1">
        <v>41.37931034482758</v>
      </c>
      <c r="N26" s="1">
        <v>47</v>
      </c>
      <c r="O26" s="1">
        <v>48</v>
      </c>
      <c r="P26" s="1">
        <v>45</v>
      </c>
      <c r="Q26" s="1">
        <v>1946</v>
      </c>
      <c r="R26" s="1">
        <v>1900</v>
      </c>
      <c r="S26" s="1">
        <v>1735</v>
      </c>
      <c r="T26" s="1">
        <v>14.491264131551903</v>
      </c>
      <c r="U26" s="1">
        <v>15.157894736842106</v>
      </c>
      <c r="V26" s="1">
        <v>15.561959654178674</v>
      </c>
      <c r="W26" s="1">
        <v>55.5</v>
      </c>
      <c r="X26" s="1">
        <v>53</v>
      </c>
      <c r="Y26" s="1">
        <v>52.5</v>
      </c>
      <c r="Z26" s="1">
        <v>1576.5</v>
      </c>
      <c r="AA26" s="1">
        <v>1450</v>
      </c>
      <c r="AB26" s="1">
        <v>1302.5</v>
      </c>
      <c r="AC26" s="1">
        <v>21.122740247383444</v>
      </c>
      <c r="AD26" s="1">
        <v>21.931034482758619</v>
      </c>
      <c r="AE26" s="1">
        <v>24.184261036468332</v>
      </c>
      <c r="AF26" s="1">
        <v>40.5</v>
      </c>
      <c r="AG26" s="1">
        <v>30.524999999999999</v>
      </c>
      <c r="AH26" s="1">
        <v>66.375</v>
      </c>
      <c r="AI26" s="1">
        <v>60.666666666666664</v>
      </c>
      <c r="AJ26" s="1">
        <v>1025.6666666666667</v>
      </c>
      <c r="AK26" s="1">
        <v>35.997908750678505</v>
      </c>
      <c r="AL26" s="1">
        <v>46.666666666666664</v>
      </c>
      <c r="AM26" s="1">
        <v>1860.3333333333333</v>
      </c>
      <c r="AN26" s="1">
        <v>15.07037284085756</v>
      </c>
      <c r="AO26" s="1">
        <v>53.666666666666664</v>
      </c>
      <c r="AP26" s="1">
        <v>1443</v>
      </c>
      <c r="AQ26" s="1">
        <v>22.412678588870133</v>
      </c>
      <c r="AR26" s="1">
        <v>45.800000000000004</v>
      </c>
    </row>
    <row r="27" spans="1:44" x14ac:dyDescent="0.3">
      <c r="A27" s="2">
        <v>0</v>
      </c>
      <c r="B27" s="1">
        <v>26</v>
      </c>
      <c r="C27" s="1">
        <v>24</v>
      </c>
      <c r="D27" s="1">
        <v>0</v>
      </c>
      <c r="E27" s="1">
        <v>54</v>
      </c>
      <c r="F27" s="1">
        <v>38</v>
      </c>
      <c r="G27" s="1">
        <v>54</v>
      </c>
      <c r="H27" s="1">
        <v>1096</v>
      </c>
      <c r="I27" s="1">
        <v>987</v>
      </c>
      <c r="J27" s="1">
        <v>909</v>
      </c>
      <c r="K27" s="1">
        <v>29.56204379562044</v>
      </c>
      <c r="L27" s="1">
        <v>23.100303951367781</v>
      </c>
      <c r="M27" s="1">
        <v>35.64356435643564</v>
      </c>
      <c r="N27" s="1">
        <v>44</v>
      </c>
      <c r="O27" s="1">
        <v>33</v>
      </c>
      <c r="P27" s="1">
        <v>42</v>
      </c>
      <c r="Q27" s="1">
        <v>2143</v>
      </c>
      <c r="R27" s="1">
        <v>2164</v>
      </c>
      <c r="S27" s="1">
        <v>1974</v>
      </c>
      <c r="T27" s="1">
        <v>12.319178721418574</v>
      </c>
      <c r="U27" s="1">
        <v>9.1497227356746773</v>
      </c>
      <c r="V27" s="1">
        <v>12.76595744680851</v>
      </c>
      <c r="W27" s="1">
        <v>49</v>
      </c>
      <c r="X27" s="1">
        <v>35.5</v>
      </c>
      <c r="Y27" s="1">
        <v>48</v>
      </c>
      <c r="Z27" s="1">
        <v>1619.5</v>
      </c>
      <c r="AA27" s="1">
        <v>1575.5</v>
      </c>
      <c r="AB27" s="1">
        <v>1441.5</v>
      </c>
      <c r="AC27" s="1">
        <v>18.153751157764741</v>
      </c>
      <c r="AD27" s="1">
        <v>13.519517613456046</v>
      </c>
      <c r="AE27" s="1">
        <v>19.979188345473467</v>
      </c>
      <c r="AF27" s="1">
        <v>49</v>
      </c>
      <c r="AG27" s="1">
        <v>57.575000000000003</v>
      </c>
      <c r="AH27" s="1">
        <v>53.5</v>
      </c>
      <c r="AI27" s="1">
        <v>48.666666666666664</v>
      </c>
      <c r="AJ27" s="1">
        <v>997.33333333333337</v>
      </c>
      <c r="AK27" s="1">
        <v>29.435304034474616</v>
      </c>
      <c r="AL27" s="1">
        <v>39.666666666666664</v>
      </c>
      <c r="AM27" s="1">
        <v>2093.6666666666665</v>
      </c>
      <c r="AN27" s="1">
        <v>11.411619634633922</v>
      </c>
      <c r="AO27" s="1">
        <v>44.166666666666664</v>
      </c>
      <c r="AP27" s="1">
        <v>1545.5</v>
      </c>
      <c r="AQ27" s="1">
        <v>17.217485705564751</v>
      </c>
      <c r="AR27" s="1">
        <v>53.358333333333327</v>
      </c>
    </row>
    <row r="28" spans="1:44" x14ac:dyDescent="0.3">
      <c r="A28" s="2">
        <v>0</v>
      </c>
      <c r="B28" s="1">
        <v>27</v>
      </c>
      <c r="C28" s="1">
        <v>23</v>
      </c>
      <c r="D28" s="1">
        <v>1</v>
      </c>
      <c r="E28" s="1">
        <v>47</v>
      </c>
      <c r="F28" s="1">
        <v>47</v>
      </c>
      <c r="G28" s="1">
        <v>68</v>
      </c>
      <c r="H28" s="1">
        <v>968</v>
      </c>
      <c r="I28" s="1">
        <v>988</v>
      </c>
      <c r="J28" s="1">
        <v>1238</v>
      </c>
      <c r="K28" s="1">
        <v>29.132231404958674</v>
      </c>
      <c r="L28" s="1">
        <v>28.542510121457489</v>
      </c>
      <c r="M28" s="1">
        <v>32.956381260096933</v>
      </c>
      <c r="N28" s="1">
        <v>55</v>
      </c>
      <c r="O28" s="1">
        <v>59</v>
      </c>
      <c r="P28" s="1">
        <v>66</v>
      </c>
      <c r="Q28" s="1">
        <v>1966</v>
      </c>
      <c r="R28" s="1">
        <v>2086</v>
      </c>
      <c r="S28" s="1">
        <v>1886</v>
      </c>
      <c r="T28" s="1">
        <v>16.785350966429299</v>
      </c>
      <c r="U28" s="1">
        <v>16.970278044103548</v>
      </c>
      <c r="V28" s="1">
        <v>20.996818663838813</v>
      </c>
      <c r="W28" s="1">
        <v>51</v>
      </c>
      <c r="X28" s="1">
        <v>53</v>
      </c>
      <c r="Y28" s="1">
        <v>67</v>
      </c>
      <c r="Z28" s="1">
        <v>1467</v>
      </c>
      <c r="AA28" s="1">
        <v>1537</v>
      </c>
      <c r="AB28" s="1">
        <v>1562</v>
      </c>
      <c r="AC28" s="1">
        <v>20.858895705521473</v>
      </c>
      <c r="AD28" s="1">
        <v>20.68965517241379</v>
      </c>
      <c r="AE28" s="1">
        <v>25.736235595390525</v>
      </c>
      <c r="AF28" s="1">
        <v>34.725000000000001</v>
      </c>
      <c r="AG28" s="1">
        <v>37</v>
      </c>
      <c r="AH28" s="1">
        <v>34.5</v>
      </c>
      <c r="AI28" s="1">
        <v>54</v>
      </c>
      <c r="AJ28" s="1">
        <v>1064.6666666666667</v>
      </c>
      <c r="AK28" s="1">
        <v>30.21037426217103</v>
      </c>
      <c r="AL28" s="1">
        <v>60</v>
      </c>
      <c r="AM28" s="1">
        <v>1979.3333333333333</v>
      </c>
      <c r="AN28" s="1">
        <v>18.250815891457218</v>
      </c>
      <c r="AO28" s="1">
        <v>57</v>
      </c>
      <c r="AP28" s="1">
        <v>1522</v>
      </c>
      <c r="AQ28" s="1">
        <v>22.428262157775265</v>
      </c>
      <c r="AR28" s="1">
        <v>35.408333333333331</v>
      </c>
    </row>
    <row r="29" spans="1:44" x14ac:dyDescent="0.3">
      <c r="A29" s="2">
        <v>1</v>
      </c>
      <c r="B29" s="1">
        <v>28</v>
      </c>
      <c r="C29" s="1">
        <v>25</v>
      </c>
      <c r="D29" s="1">
        <v>1</v>
      </c>
      <c r="E29" s="1">
        <v>68</v>
      </c>
      <c r="F29" s="1">
        <v>62</v>
      </c>
      <c r="G29" s="1">
        <v>61</v>
      </c>
      <c r="H29" s="1">
        <v>1336</v>
      </c>
      <c r="I29" s="1">
        <v>1382</v>
      </c>
      <c r="J29" s="1">
        <v>1378</v>
      </c>
      <c r="K29" s="1">
        <v>30.538922155688624</v>
      </c>
      <c r="L29" s="1">
        <v>26.917510853835022</v>
      </c>
      <c r="M29" s="1">
        <v>26.560232220609581</v>
      </c>
      <c r="N29" s="1">
        <v>56</v>
      </c>
      <c r="O29" s="1">
        <v>38</v>
      </c>
      <c r="P29" s="1">
        <v>53</v>
      </c>
      <c r="Q29" s="1">
        <v>2205</v>
      </c>
      <c r="R29" s="1">
        <v>1896</v>
      </c>
      <c r="S29" s="1">
        <v>2179</v>
      </c>
      <c r="T29" s="1">
        <v>15.238095238095237</v>
      </c>
      <c r="U29" s="1">
        <v>12.025316455696204</v>
      </c>
      <c r="V29" s="1">
        <v>14.593850390087194</v>
      </c>
      <c r="W29" s="1">
        <v>62</v>
      </c>
      <c r="X29" s="1">
        <v>50</v>
      </c>
      <c r="Y29" s="1">
        <v>57</v>
      </c>
      <c r="Z29" s="1">
        <v>1770.5</v>
      </c>
      <c r="AA29" s="1">
        <v>1639</v>
      </c>
      <c r="AB29" s="1">
        <v>1778.5</v>
      </c>
      <c r="AC29" s="1">
        <v>21.011013837898897</v>
      </c>
      <c r="AD29" s="1">
        <v>18.303843807199513</v>
      </c>
      <c r="AE29" s="1">
        <v>19.229687939274672</v>
      </c>
      <c r="AF29" s="1">
        <v>81.150000000000006</v>
      </c>
      <c r="AG29" s="1">
        <v>95</v>
      </c>
      <c r="AH29" s="1">
        <v>34.524999999999999</v>
      </c>
      <c r="AI29" s="1">
        <v>63.666666666666664</v>
      </c>
      <c r="AJ29" s="1">
        <v>1365.3333333333333</v>
      </c>
      <c r="AK29" s="1">
        <v>28.005555076711076</v>
      </c>
      <c r="AL29" s="1">
        <v>49</v>
      </c>
      <c r="AM29" s="1">
        <v>2093.3333333333335</v>
      </c>
      <c r="AN29" s="1">
        <v>13.952420694626213</v>
      </c>
      <c r="AO29" s="1">
        <v>56.333333333333336</v>
      </c>
      <c r="AP29" s="1">
        <v>1729.3333333333333</v>
      </c>
      <c r="AQ29" s="1">
        <v>19.514848528124361</v>
      </c>
      <c r="AR29" s="1">
        <v>70.225000000000009</v>
      </c>
    </row>
    <row r="30" spans="1:44" x14ac:dyDescent="0.3">
      <c r="A30" s="2">
        <v>1</v>
      </c>
      <c r="B30" s="1">
        <v>29</v>
      </c>
      <c r="C30" s="1">
        <v>21</v>
      </c>
      <c r="D30" s="1">
        <v>0</v>
      </c>
      <c r="E30" s="1">
        <v>44</v>
      </c>
      <c r="F30" s="1">
        <v>46</v>
      </c>
      <c r="G30" s="1">
        <v>25</v>
      </c>
      <c r="H30" s="1">
        <v>1255</v>
      </c>
      <c r="I30" s="1">
        <v>1210</v>
      </c>
      <c r="J30" s="1">
        <v>1129</v>
      </c>
      <c r="K30" s="1">
        <v>21.035856573705185</v>
      </c>
      <c r="L30" s="1">
        <v>22.809917355371901</v>
      </c>
      <c r="M30" s="1">
        <v>13.286093888396811</v>
      </c>
      <c r="N30" s="1">
        <v>38</v>
      </c>
      <c r="O30" s="1">
        <v>38</v>
      </c>
      <c r="P30" s="1">
        <v>20</v>
      </c>
      <c r="Q30" s="1">
        <v>1896</v>
      </c>
      <c r="R30" s="1">
        <v>1646</v>
      </c>
      <c r="S30" s="1">
        <v>1608</v>
      </c>
      <c r="T30" s="1">
        <v>12.025316455696204</v>
      </c>
      <c r="U30" s="1">
        <v>13.85176184690158</v>
      </c>
      <c r="V30" s="1">
        <v>7.4626865671641793</v>
      </c>
      <c r="W30" s="1">
        <v>41</v>
      </c>
      <c r="X30" s="1">
        <v>42</v>
      </c>
      <c r="Y30" s="1">
        <v>22.5</v>
      </c>
      <c r="Z30" s="1">
        <v>1575.5</v>
      </c>
      <c r="AA30" s="1">
        <v>1428</v>
      </c>
      <c r="AB30" s="1">
        <v>1368.5</v>
      </c>
      <c r="AC30" s="1">
        <v>15.614090764836559</v>
      </c>
      <c r="AD30" s="1">
        <v>17.647058823529413</v>
      </c>
      <c r="AE30" s="1">
        <v>9.8648154914139585</v>
      </c>
      <c r="AF30" s="1">
        <v>21</v>
      </c>
      <c r="AG30" s="1">
        <v>33.575000000000003</v>
      </c>
      <c r="AH30" s="1">
        <v>16</v>
      </c>
      <c r="AI30" s="1">
        <v>38.333333333333336</v>
      </c>
      <c r="AJ30" s="1">
        <v>1198</v>
      </c>
      <c r="AK30" s="1">
        <v>19.043955939157964</v>
      </c>
      <c r="AL30" s="1">
        <v>32</v>
      </c>
      <c r="AM30" s="1">
        <v>1716.6666666666667</v>
      </c>
      <c r="AN30" s="1">
        <v>11.113254956587321</v>
      </c>
      <c r="AO30" s="1">
        <v>35.166666666666664</v>
      </c>
      <c r="AP30" s="1">
        <v>1457.3333333333333</v>
      </c>
      <c r="AQ30" s="1">
        <v>14.375321693259977</v>
      </c>
      <c r="AR30" s="1">
        <v>23.525000000000002</v>
      </c>
    </row>
    <row r="31" spans="1:44" x14ac:dyDescent="0.3">
      <c r="A31" s="2">
        <v>0</v>
      </c>
      <c r="B31" s="1">
        <v>30</v>
      </c>
      <c r="C31" s="1">
        <v>25</v>
      </c>
      <c r="D31" s="1">
        <v>1</v>
      </c>
      <c r="E31" s="1">
        <v>78</v>
      </c>
      <c r="F31" s="1">
        <v>65</v>
      </c>
      <c r="G31" s="1">
        <v>71</v>
      </c>
      <c r="H31" s="1">
        <v>1553</v>
      </c>
      <c r="I31" s="1">
        <v>1459</v>
      </c>
      <c r="J31" s="1">
        <v>1453</v>
      </c>
      <c r="K31" s="1">
        <v>30.135222150676114</v>
      </c>
      <c r="L31" s="1">
        <v>26.730637422892393</v>
      </c>
      <c r="M31" s="1">
        <v>29.318651066758431</v>
      </c>
      <c r="N31" s="1">
        <v>59</v>
      </c>
      <c r="O31" s="1">
        <v>59</v>
      </c>
      <c r="P31" s="1">
        <v>66</v>
      </c>
      <c r="Q31" s="1">
        <v>2391</v>
      </c>
      <c r="R31" s="1">
        <v>2376</v>
      </c>
      <c r="S31" s="1">
        <v>2236</v>
      </c>
      <c r="T31" s="1">
        <v>14.80552070263488</v>
      </c>
      <c r="U31" s="1">
        <v>14.898989898989901</v>
      </c>
      <c r="V31" s="1">
        <v>17.710196779964221</v>
      </c>
      <c r="W31" s="1">
        <v>68.5</v>
      </c>
      <c r="X31" s="1">
        <v>62</v>
      </c>
      <c r="Y31" s="1">
        <v>68.5</v>
      </c>
      <c r="Z31" s="1">
        <v>1972</v>
      </c>
      <c r="AA31" s="1">
        <v>1917.5</v>
      </c>
      <c r="AB31" s="1">
        <v>1844.5</v>
      </c>
      <c r="AC31" s="1">
        <v>20.841784989858013</v>
      </c>
      <c r="AD31" s="1">
        <v>19.40026075619296</v>
      </c>
      <c r="AE31" s="1">
        <v>22.282461371645432</v>
      </c>
      <c r="AF31" s="1">
        <v>17.5</v>
      </c>
      <c r="AG31" s="1">
        <v>30.574999999999999</v>
      </c>
      <c r="AH31" s="1">
        <v>43.5</v>
      </c>
      <c r="AI31" s="1">
        <v>71.333333333333329</v>
      </c>
      <c r="AJ31" s="1">
        <v>1488.3333333333333</v>
      </c>
      <c r="AK31" s="1">
        <v>28.728170213442311</v>
      </c>
      <c r="AL31" s="1">
        <v>61.333333333333336</v>
      </c>
      <c r="AM31" s="1">
        <v>2334.3333333333335</v>
      </c>
      <c r="AN31" s="1">
        <v>15.804902460529668</v>
      </c>
      <c r="AO31" s="1">
        <v>66.333333333333329</v>
      </c>
      <c r="AP31" s="1">
        <v>1911.3333333333333</v>
      </c>
      <c r="AQ31" s="1">
        <v>20.841502372565468</v>
      </c>
      <c r="AR31" s="1">
        <v>30.525000000000002</v>
      </c>
    </row>
    <row r="32" spans="1:44" x14ac:dyDescent="0.3">
      <c r="A32" s="2">
        <v>0</v>
      </c>
      <c r="B32" s="1">
        <v>31</v>
      </c>
      <c r="C32" s="1">
        <v>24</v>
      </c>
      <c r="D32" s="1">
        <v>1</v>
      </c>
      <c r="E32" s="1">
        <v>61</v>
      </c>
      <c r="F32" s="1">
        <v>60</v>
      </c>
      <c r="G32" s="1">
        <v>54</v>
      </c>
      <c r="H32" s="1">
        <v>1059</v>
      </c>
      <c r="I32" s="1">
        <v>1008</v>
      </c>
      <c r="J32" s="1">
        <v>998</v>
      </c>
      <c r="K32" s="1">
        <v>34.560906515580747</v>
      </c>
      <c r="L32" s="1">
        <v>35.714285714285715</v>
      </c>
      <c r="M32" s="1">
        <v>32.464929859719447</v>
      </c>
      <c r="N32" s="1">
        <v>20</v>
      </c>
      <c r="O32" s="1">
        <v>25</v>
      </c>
      <c r="P32" s="1">
        <v>17</v>
      </c>
      <c r="Q32" s="1">
        <v>1678</v>
      </c>
      <c r="R32" s="1">
        <v>1675</v>
      </c>
      <c r="S32" s="1">
        <v>1510</v>
      </c>
      <c r="T32" s="1">
        <v>7.1513706793802143</v>
      </c>
      <c r="U32" s="1">
        <v>8.9552238805970159</v>
      </c>
      <c r="V32" s="1">
        <v>6.7549668874172184</v>
      </c>
      <c r="W32" s="1">
        <v>40.5</v>
      </c>
      <c r="X32" s="1">
        <v>42.5</v>
      </c>
      <c r="Y32" s="1">
        <v>35.5</v>
      </c>
      <c r="Z32" s="1">
        <v>1368.5</v>
      </c>
      <c r="AA32" s="1">
        <v>1341.5</v>
      </c>
      <c r="AB32" s="1">
        <v>1254</v>
      </c>
      <c r="AC32" s="1">
        <v>17.756667884545124</v>
      </c>
      <c r="AD32" s="1">
        <v>19.008572493477448</v>
      </c>
      <c r="AE32" s="1">
        <v>16.985645933014354</v>
      </c>
      <c r="AF32" s="1">
        <v>58.674999999999997</v>
      </c>
      <c r="AG32" s="1">
        <v>48.1</v>
      </c>
      <c r="AH32" s="1">
        <v>54.5</v>
      </c>
      <c r="AI32" s="1">
        <v>58.333333333333336</v>
      </c>
      <c r="AJ32" s="1">
        <v>1021.6666666666666</v>
      </c>
      <c r="AK32" s="1">
        <v>34.246707363195306</v>
      </c>
      <c r="AL32" s="1">
        <v>20.666666666666668</v>
      </c>
      <c r="AM32" s="1">
        <v>1621</v>
      </c>
      <c r="AN32" s="1">
        <v>7.6205204824648165</v>
      </c>
      <c r="AO32" s="1">
        <v>39.5</v>
      </c>
      <c r="AP32" s="1">
        <v>1321.3333333333333</v>
      </c>
      <c r="AQ32" s="1">
        <v>17.916962103678973</v>
      </c>
      <c r="AR32" s="1">
        <v>53.758333333333333</v>
      </c>
    </row>
    <row r="33" spans="1:44" x14ac:dyDescent="0.3">
      <c r="A33" s="2">
        <v>1</v>
      </c>
      <c r="B33" s="1">
        <v>32</v>
      </c>
      <c r="C33" s="1">
        <v>23</v>
      </c>
      <c r="D33" s="1">
        <v>1</v>
      </c>
      <c r="E33" s="1">
        <v>76</v>
      </c>
      <c r="F33" s="1">
        <v>68</v>
      </c>
      <c r="G33" s="1">
        <v>61</v>
      </c>
      <c r="H33" s="1">
        <v>1202</v>
      </c>
      <c r="I33" s="1">
        <v>1115</v>
      </c>
      <c r="J33" s="1">
        <v>1168</v>
      </c>
      <c r="K33" s="1">
        <v>37.93677204658902</v>
      </c>
      <c r="L33" s="1">
        <v>36.591928251121075</v>
      </c>
      <c r="M33" s="1">
        <v>31.335616438356166</v>
      </c>
      <c r="N33" s="1">
        <v>56</v>
      </c>
      <c r="O33" s="1">
        <v>55</v>
      </c>
      <c r="P33" s="1">
        <v>53</v>
      </c>
      <c r="Q33" s="1">
        <v>2023</v>
      </c>
      <c r="R33" s="1">
        <v>2001</v>
      </c>
      <c r="S33" s="1">
        <v>1826</v>
      </c>
      <c r="T33" s="1">
        <v>16.60899653979239</v>
      </c>
      <c r="U33" s="1">
        <v>16.491754122938527</v>
      </c>
      <c r="V33" s="1">
        <v>17.415115005476451</v>
      </c>
      <c r="W33" s="1">
        <v>66</v>
      </c>
      <c r="X33" s="1">
        <v>61.5</v>
      </c>
      <c r="Y33" s="1">
        <v>57</v>
      </c>
      <c r="Z33" s="1">
        <v>1612.5</v>
      </c>
      <c r="AA33" s="1">
        <v>1558</v>
      </c>
      <c r="AB33" s="1">
        <v>1497</v>
      </c>
      <c r="AC33" s="1">
        <v>24.558139534883718</v>
      </c>
      <c r="AD33" s="1">
        <v>23.684210526315791</v>
      </c>
      <c r="AE33" s="1">
        <v>22.845691382765533</v>
      </c>
      <c r="AF33" s="1">
        <v>89.05</v>
      </c>
      <c r="AG33" s="1">
        <v>70.099999999999994</v>
      </c>
      <c r="AH33" s="1">
        <v>54.5</v>
      </c>
      <c r="AI33" s="1">
        <v>68.333333333333329</v>
      </c>
      <c r="AJ33" s="1">
        <v>1161.6666666666667</v>
      </c>
      <c r="AK33" s="1">
        <v>35.28810557868875</v>
      </c>
      <c r="AL33" s="1">
        <v>54.666666666666664</v>
      </c>
      <c r="AM33" s="1">
        <v>1950</v>
      </c>
      <c r="AN33" s="1">
        <v>16.838621889402457</v>
      </c>
      <c r="AO33" s="1">
        <v>61.5</v>
      </c>
      <c r="AP33" s="1">
        <v>1555.8333333333333</v>
      </c>
      <c r="AQ33" s="1">
        <v>23.696013814655014</v>
      </c>
      <c r="AR33" s="1">
        <v>71.216666666666654</v>
      </c>
    </row>
    <row r="34" spans="1:44" x14ac:dyDescent="0.3">
      <c r="A34" s="2">
        <v>0</v>
      </c>
      <c r="B34" s="1">
        <v>33</v>
      </c>
      <c r="C34" s="1">
        <v>34</v>
      </c>
      <c r="D34" s="1">
        <v>1</v>
      </c>
      <c r="E34" s="1">
        <v>88</v>
      </c>
      <c r="F34" s="1">
        <v>83</v>
      </c>
      <c r="G34" s="1">
        <v>85</v>
      </c>
      <c r="H34" s="1">
        <v>1383</v>
      </c>
      <c r="I34" s="1">
        <v>1421</v>
      </c>
      <c r="J34" s="1">
        <v>1433</v>
      </c>
      <c r="K34" s="1">
        <v>38.17787418655098</v>
      </c>
      <c r="L34" s="1">
        <v>35.045742434905002</v>
      </c>
      <c r="M34" s="1">
        <v>35.589672016748082</v>
      </c>
      <c r="N34" s="1">
        <v>59</v>
      </c>
      <c r="O34" s="1">
        <v>52</v>
      </c>
      <c r="P34" s="1">
        <v>56</v>
      </c>
      <c r="Q34" s="1">
        <v>2331</v>
      </c>
      <c r="R34" s="1">
        <v>2086</v>
      </c>
      <c r="S34" s="1">
        <v>2584</v>
      </c>
      <c r="T34" s="1">
        <v>15.186615186615185</v>
      </c>
      <c r="U34" s="1">
        <v>14.956855225311603</v>
      </c>
      <c r="V34" s="1">
        <v>13.003095975232199</v>
      </c>
      <c r="W34" s="1">
        <v>73.5</v>
      </c>
      <c r="X34" s="1">
        <v>67.5</v>
      </c>
      <c r="Y34" s="1">
        <v>70.5</v>
      </c>
      <c r="Z34" s="1">
        <v>1857</v>
      </c>
      <c r="AA34" s="1">
        <v>1753.5</v>
      </c>
      <c r="AB34" s="1">
        <v>2008.5</v>
      </c>
      <c r="AC34" s="1">
        <v>23.747980613893379</v>
      </c>
      <c r="AD34" s="1">
        <v>23.096663815226687</v>
      </c>
      <c r="AE34" s="1">
        <v>21.060492905153101</v>
      </c>
      <c r="AF34" s="1">
        <v>76.724999999999994</v>
      </c>
      <c r="AG34" s="1">
        <v>73.924999999999997</v>
      </c>
      <c r="AH34" s="1">
        <v>60.5</v>
      </c>
      <c r="AI34" s="1">
        <v>85.333333333333329</v>
      </c>
      <c r="AJ34" s="1">
        <v>1412.3333333333333</v>
      </c>
      <c r="AK34" s="1">
        <v>36.27109621273469</v>
      </c>
      <c r="AL34" s="1">
        <v>55.666666666666664</v>
      </c>
      <c r="AM34" s="1">
        <v>2333.6666666666665</v>
      </c>
      <c r="AN34" s="1">
        <v>14.382188795719662</v>
      </c>
      <c r="AO34" s="1">
        <v>70.5</v>
      </c>
      <c r="AP34" s="1">
        <v>1873</v>
      </c>
      <c r="AQ34" s="1">
        <v>22.635045778091055</v>
      </c>
      <c r="AR34" s="1">
        <v>70.383333333333326</v>
      </c>
    </row>
    <row r="35" spans="1:44" x14ac:dyDescent="0.3">
      <c r="A35" s="2">
        <v>0</v>
      </c>
      <c r="B35" s="1">
        <v>34</v>
      </c>
      <c r="C35" s="1">
        <v>22</v>
      </c>
      <c r="D35" s="1">
        <v>0</v>
      </c>
      <c r="E35" s="1">
        <v>94</v>
      </c>
      <c r="F35" s="1">
        <v>65</v>
      </c>
      <c r="G35" s="1">
        <v>68</v>
      </c>
      <c r="H35" s="1">
        <v>1593</v>
      </c>
      <c r="I35" s="1">
        <v>1677</v>
      </c>
      <c r="J35" s="1">
        <v>1833</v>
      </c>
      <c r="K35" s="1">
        <v>35.404896421845571</v>
      </c>
      <c r="L35" s="1">
        <v>23.255813953488374</v>
      </c>
      <c r="M35" s="1">
        <v>22.25859247135843</v>
      </c>
      <c r="N35" s="1">
        <v>66</v>
      </c>
      <c r="O35" s="1">
        <v>55</v>
      </c>
      <c r="P35" s="1">
        <v>44</v>
      </c>
      <c r="Q35" s="1">
        <v>2598</v>
      </c>
      <c r="R35" s="1">
        <v>2685</v>
      </c>
      <c r="S35" s="1">
        <v>2326</v>
      </c>
      <c r="T35" s="1">
        <v>15.242494226327942</v>
      </c>
      <c r="U35" s="1">
        <v>12.290502793296088</v>
      </c>
      <c r="V35" s="1">
        <v>11.349957007738606</v>
      </c>
      <c r="W35" s="1">
        <v>80</v>
      </c>
      <c r="X35" s="1">
        <v>60</v>
      </c>
      <c r="Y35" s="1">
        <v>56</v>
      </c>
      <c r="Z35" s="1">
        <v>2095.5</v>
      </c>
      <c r="AA35" s="1">
        <v>2181</v>
      </c>
      <c r="AB35" s="1">
        <v>2079.5</v>
      </c>
      <c r="AC35" s="1">
        <v>22.906227630637083</v>
      </c>
      <c r="AD35" s="1">
        <v>16.506189821182943</v>
      </c>
      <c r="AE35" s="1">
        <v>16.157730223611445</v>
      </c>
      <c r="AF35" s="1">
        <v>35.825000000000003</v>
      </c>
      <c r="AG35" s="1">
        <v>40.25</v>
      </c>
      <c r="AH35" s="1">
        <v>69.5</v>
      </c>
      <c r="AI35" s="1">
        <v>75.666666666666671</v>
      </c>
      <c r="AJ35" s="1">
        <v>1701</v>
      </c>
      <c r="AK35" s="1">
        <v>26.973100948897457</v>
      </c>
      <c r="AL35" s="1">
        <v>55</v>
      </c>
      <c r="AM35" s="1">
        <v>2536.3333333333335</v>
      </c>
      <c r="AN35" s="1">
        <v>12.960984675787545</v>
      </c>
      <c r="AO35" s="1">
        <v>65.333333333333329</v>
      </c>
      <c r="AP35" s="1">
        <v>2118.6666666666665</v>
      </c>
      <c r="AQ35" s="1">
        <v>18.523382558477156</v>
      </c>
      <c r="AR35" s="1">
        <v>48.524999999999999</v>
      </c>
    </row>
    <row r="36" spans="1:44" x14ac:dyDescent="0.3">
      <c r="A36" s="2">
        <v>1</v>
      </c>
      <c r="B36" s="1">
        <v>35</v>
      </c>
      <c r="C36" s="1">
        <v>23</v>
      </c>
      <c r="D36" s="1">
        <v>0</v>
      </c>
      <c r="E36" s="1">
        <v>83</v>
      </c>
      <c r="F36" s="1">
        <v>69</v>
      </c>
      <c r="G36" s="1">
        <v>65</v>
      </c>
      <c r="H36" s="1">
        <v>962</v>
      </c>
      <c r="I36" s="1">
        <v>956</v>
      </c>
      <c r="J36" s="1">
        <v>873</v>
      </c>
      <c r="K36" s="1">
        <v>51.767151767151766</v>
      </c>
      <c r="L36" s="1">
        <v>43.305439330543933</v>
      </c>
      <c r="M36" s="1">
        <v>44.673539518900341</v>
      </c>
      <c r="N36" s="1">
        <v>27</v>
      </c>
      <c r="O36" s="1">
        <v>25</v>
      </c>
      <c r="P36" s="1">
        <v>30</v>
      </c>
      <c r="Q36" s="1">
        <v>1840</v>
      </c>
      <c r="R36" s="1">
        <v>1825</v>
      </c>
      <c r="S36" s="1">
        <v>1468</v>
      </c>
      <c r="T36" s="1">
        <v>8.804347826086957</v>
      </c>
      <c r="U36" s="1">
        <v>8.2191780821917799</v>
      </c>
      <c r="V36" s="1">
        <v>12.26158038147139</v>
      </c>
      <c r="W36" s="1">
        <v>55</v>
      </c>
      <c r="X36" s="1">
        <v>47</v>
      </c>
      <c r="Y36" s="1">
        <v>47.5</v>
      </c>
      <c r="Z36" s="1">
        <v>1401</v>
      </c>
      <c r="AA36" s="1">
        <v>1390.5</v>
      </c>
      <c r="AB36" s="1">
        <v>1170.5</v>
      </c>
      <c r="AC36" s="1">
        <v>23.554603854389718</v>
      </c>
      <c r="AD36" s="1">
        <v>20.280474649406692</v>
      </c>
      <c r="AE36" s="1">
        <v>24.348568987612133</v>
      </c>
      <c r="AF36" s="1">
        <v>29.024999999999999</v>
      </c>
      <c r="AG36" s="1">
        <v>35.6</v>
      </c>
      <c r="AH36" s="1">
        <v>56</v>
      </c>
      <c r="AI36" s="1">
        <v>72.333333333333329</v>
      </c>
      <c r="AJ36" s="1">
        <v>930.33333333333337</v>
      </c>
      <c r="AK36" s="1">
        <v>46.582043538865342</v>
      </c>
      <c r="AL36" s="1">
        <v>27.333333333333332</v>
      </c>
      <c r="AM36" s="1">
        <v>1711</v>
      </c>
      <c r="AN36" s="1">
        <v>9.7617020965833756</v>
      </c>
      <c r="AO36" s="1">
        <v>49.833333333333336</v>
      </c>
      <c r="AP36" s="1">
        <v>1320.6666666666667</v>
      </c>
      <c r="AQ36" s="1">
        <v>22.727882497136182</v>
      </c>
      <c r="AR36" s="1">
        <v>40.208333333333336</v>
      </c>
    </row>
    <row r="37" spans="1:44" x14ac:dyDescent="0.3">
      <c r="A37" s="2">
        <v>0</v>
      </c>
      <c r="B37" s="1">
        <v>36</v>
      </c>
      <c r="C37" s="1">
        <v>23</v>
      </c>
      <c r="D37" s="1">
        <v>0</v>
      </c>
      <c r="E37" s="1">
        <v>64</v>
      </c>
      <c r="F37" s="1">
        <v>54</v>
      </c>
      <c r="G37" s="1">
        <v>51</v>
      </c>
      <c r="H37" s="1">
        <v>1096</v>
      </c>
      <c r="I37" s="1">
        <v>1152</v>
      </c>
      <c r="J37" s="1">
        <v>1094</v>
      </c>
      <c r="K37" s="1">
        <v>35.036496350364963</v>
      </c>
      <c r="L37" s="1">
        <v>28.125000000000007</v>
      </c>
      <c r="M37" s="1">
        <v>27.97074954296161</v>
      </c>
      <c r="N37" s="1">
        <v>42</v>
      </c>
      <c r="O37" s="1">
        <v>47</v>
      </c>
      <c r="P37" s="1">
        <v>48</v>
      </c>
      <c r="Q37" s="1">
        <v>1859</v>
      </c>
      <c r="R37" s="1">
        <v>1827</v>
      </c>
      <c r="S37" s="1">
        <v>1846</v>
      </c>
      <c r="T37" s="1">
        <v>13.555675094136632</v>
      </c>
      <c r="U37" s="1">
        <v>15.435139573070607</v>
      </c>
      <c r="V37" s="1">
        <v>15.601300108342361</v>
      </c>
      <c r="W37" s="1">
        <v>53</v>
      </c>
      <c r="X37" s="1">
        <v>50.5</v>
      </c>
      <c r="Y37" s="1">
        <v>49.5</v>
      </c>
      <c r="Z37" s="1">
        <v>1477.5</v>
      </c>
      <c r="AA37" s="1">
        <v>1489.5</v>
      </c>
      <c r="AB37" s="1">
        <v>1470</v>
      </c>
      <c r="AC37" s="1">
        <v>21.522842639593907</v>
      </c>
      <c r="AD37" s="1">
        <v>20.342396777442094</v>
      </c>
      <c r="AE37" s="1">
        <v>20.204081632653065</v>
      </c>
      <c r="AF37" s="1">
        <v>27.024999999999999</v>
      </c>
      <c r="AG37" s="1">
        <v>35.5</v>
      </c>
      <c r="AH37" s="1">
        <v>35.125</v>
      </c>
      <c r="AI37" s="1">
        <v>56.333333333333336</v>
      </c>
      <c r="AJ37" s="1">
        <v>1114</v>
      </c>
      <c r="AK37" s="1">
        <v>30.377415297775528</v>
      </c>
      <c r="AL37" s="1">
        <v>45.666666666666664</v>
      </c>
      <c r="AM37" s="1">
        <v>1844</v>
      </c>
      <c r="AN37" s="1">
        <v>14.864038258516535</v>
      </c>
      <c r="AO37" s="1">
        <v>51</v>
      </c>
      <c r="AP37" s="1">
        <v>1479</v>
      </c>
      <c r="AQ37" s="1">
        <v>20.689773683229689</v>
      </c>
      <c r="AR37" s="1">
        <v>32.550000000000004</v>
      </c>
    </row>
    <row r="38" spans="1:44" x14ac:dyDescent="0.3">
      <c r="A38" s="2">
        <v>1</v>
      </c>
      <c r="B38" s="1">
        <v>37</v>
      </c>
      <c r="C38" s="1">
        <v>22</v>
      </c>
      <c r="D38" s="1">
        <v>0</v>
      </c>
      <c r="E38" s="1">
        <v>43</v>
      </c>
      <c r="F38" s="1">
        <v>61</v>
      </c>
      <c r="G38" s="1">
        <v>62</v>
      </c>
      <c r="H38" s="1">
        <v>1288</v>
      </c>
      <c r="I38" s="1">
        <v>1333</v>
      </c>
      <c r="J38" s="1">
        <v>1329</v>
      </c>
      <c r="K38" s="1">
        <v>20.031055900621119</v>
      </c>
      <c r="L38" s="1">
        <v>27.456864216054015</v>
      </c>
      <c r="M38" s="1">
        <v>27.990970654627539</v>
      </c>
      <c r="N38" s="1">
        <v>38</v>
      </c>
      <c r="O38" s="1">
        <v>50</v>
      </c>
      <c r="P38" s="1">
        <v>53</v>
      </c>
      <c r="Q38" s="1">
        <v>1825</v>
      </c>
      <c r="R38" s="1">
        <v>1759</v>
      </c>
      <c r="S38" s="1">
        <v>1840</v>
      </c>
      <c r="T38" s="1">
        <v>12.493150684931507</v>
      </c>
      <c r="U38" s="1">
        <v>17.055144968732236</v>
      </c>
      <c r="V38" s="1">
        <v>17.282608695652176</v>
      </c>
      <c r="W38" s="1">
        <v>40.5</v>
      </c>
      <c r="X38" s="1">
        <v>55.5</v>
      </c>
      <c r="Y38" s="1">
        <v>57.5</v>
      </c>
      <c r="Z38" s="1">
        <v>1556.5</v>
      </c>
      <c r="AA38" s="1">
        <v>1546</v>
      </c>
      <c r="AB38" s="1">
        <v>1584.5</v>
      </c>
      <c r="AC38" s="1">
        <v>15.611949887568262</v>
      </c>
      <c r="AD38" s="1">
        <v>21.539456662354464</v>
      </c>
      <c r="AE38" s="1">
        <v>21.773430104133794</v>
      </c>
      <c r="AF38" s="1">
        <v>35.424999999999997</v>
      </c>
      <c r="AG38" s="1">
        <v>35</v>
      </c>
      <c r="AH38" s="1">
        <v>46.024999999999999</v>
      </c>
      <c r="AI38" s="1">
        <v>55.333333333333336</v>
      </c>
      <c r="AJ38" s="1">
        <v>1316.6666666666667</v>
      </c>
      <c r="AK38" s="1">
        <v>25.15963025710089</v>
      </c>
      <c r="AL38" s="1">
        <v>47</v>
      </c>
      <c r="AM38" s="1">
        <v>1808</v>
      </c>
      <c r="AN38" s="1">
        <v>15.610301449771972</v>
      </c>
      <c r="AO38" s="1">
        <v>51.166666666666664</v>
      </c>
      <c r="AP38" s="1">
        <v>1562.3333333333333</v>
      </c>
      <c r="AQ38" s="1">
        <v>19.641612218018839</v>
      </c>
      <c r="AR38" s="1">
        <v>38.816666666666663</v>
      </c>
    </row>
    <row r="39" spans="1:44" x14ac:dyDescent="0.3">
      <c r="A39" s="2">
        <v>1</v>
      </c>
      <c r="B39" s="1">
        <v>38</v>
      </c>
      <c r="C39" s="1">
        <v>21</v>
      </c>
      <c r="D39" s="1">
        <v>0</v>
      </c>
      <c r="E39" s="1">
        <v>75</v>
      </c>
      <c r="F39" s="1">
        <v>43</v>
      </c>
      <c r="G39" s="1">
        <v>69</v>
      </c>
      <c r="H39" s="1">
        <v>1353</v>
      </c>
      <c r="I39" s="1">
        <v>1283</v>
      </c>
      <c r="J39" s="1">
        <v>1200</v>
      </c>
      <c r="K39" s="1">
        <v>33.259423503325941</v>
      </c>
      <c r="L39" s="1">
        <v>20.109119251753704</v>
      </c>
      <c r="M39" s="1">
        <v>34.5</v>
      </c>
      <c r="N39" s="1">
        <v>44</v>
      </c>
      <c r="O39" s="1">
        <v>52</v>
      </c>
      <c r="P39" s="1">
        <v>50</v>
      </c>
      <c r="Q39" s="1">
        <v>1927</v>
      </c>
      <c r="R39" s="1">
        <v>1778</v>
      </c>
      <c r="S39" s="1">
        <v>1948</v>
      </c>
      <c r="T39" s="1">
        <v>13.700051894135962</v>
      </c>
      <c r="U39" s="1">
        <v>17.547806524184477</v>
      </c>
      <c r="V39" s="1">
        <v>15.400410677618069</v>
      </c>
      <c r="W39" s="1">
        <v>59.5</v>
      </c>
      <c r="X39" s="1">
        <v>47.5</v>
      </c>
      <c r="Y39" s="1">
        <v>59.5</v>
      </c>
      <c r="Z39" s="1">
        <v>1640</v>
      </c>
      <c r="AA39" s="1">
        <v>1530.5</v>
      </c>
      <c r="AB39" s="1">
        <v>1574</v>
      </c>
      <c r="AC39" s="1">
        <v>21.768292682926827</v>
      </c>
      <c r="AD39" s="1">
        <v>18.621365566808233</v>
      </c>
      <c r="AE39" s="1">
        <v>22.681067344345617</v>
      </c>
      <c r="AF39" s="1">
        <v>21.024999999999999</v>
      </c>
      <c r="AG39" s="1">
        <v>15.5</v>
      </c>
      <c r="AH39" s="1">
        <v>19.524999999999999</v>
      </c>
      <c r="AI39" s="1">
        <v>62.333333333333336</v>
      </c>
      <c r="AJ39" s="1">
        <v>1278.6666666666667</v>
      </c>
      <c r="AK39" s="1">
        <v>29.289514251693216</v>
      </c>
      <c r="AL39" s="1">
        <v>48.666666666666664</v>
      </c>
      <c r="AM39" s="1">
        <v>1884.3333333333333</v>
      </c>
      <c r="AN39" s="1">
        <v>15.549423031979503</v>
      </c>
      <c r="AO39" s="1">
        <v>55.5</v>
      </c>
      <c r="AP39" s="1">
        <v>1581.5</v>
      </c>
      <c r="AQ39" s="1">
        <v>21.023575198026894</v>
      </c>
      <c r="AR39" s="1">
        <v>18.683333333333334</v>
      </c>
    </row>
    <row r="40" spans="1:44" x14ac:dyDescent="0.3">
      <c r="A40" s="2">
        <v>1</v>
      </c>
      <c r="B40" s="1">
        <v>39</v>
      </c>
      <c r="C40" s="1">
        <v>27</v>
      </c>
      <c r="D40" s="1">
        <v>1</v>
      </c>
      <c r="E40" s="1">
        <v>35</v>
      </c>
      <c r="F40" s="1">
        <v>43</v>
      </c>
      <c r="G40" s="1">
        <v>46</v>
      </c>
      <c r="H40" s="1">
        <v>1424</v>
      </c>
      <c r="I40" s="1">
        <v>1097</v>
      </c>
      <c r="J40" s="1">
        <v>1257</v>
      </c>
      <c r="K40" s="1">
        <v>14.747191011235955</v>
      </c>
      <c r="L40" s="1">
        <v>23.518687329079309</v>
      </c>
      <c r="M40" s="1">
        <v>21.957040572792369</v>
      </c>
      <c r="N40" s="1">
        <v>16</v>
      </c>
      <c r="O40" s="1">
        <v>20</v>
      </c>
      <c r="P40" s="1">
        <v>19</v>
      </c>
      <c r="Q40" s="1">
        <v>2097</v>
      </c>
      <c r="R40" s="1">
        <v>2115</v>
      </c>
      <c r="S40" s="1">
        <v>1898</v>
      </c>
      <c r="T40" s="1">
        <v>4.5779685264663801</v>
      </c>
      <c r="U40" s="1">
        <v>5.6737588652482271</v>
      </c>
      <c r="V40" s="1">
        <v>6.0063224446786094</v>
      </c>
      <c r="W40" s="1">
        <v>25.5</v>
      </c>
      <c r="X40" s="1">
        <v>31.5</v>
      </c>
      <c r="Y40" s="1">
        <v>32.5</v>
      </c>
      <c r="Z40" s="1">
        <v>1760.5</v>
      </c>
      <c r="AA40" s="1">
        <v>1606</v>
      </c>
      <c r="AB40" s="1">
        <v>1577.5</v>
      </c>
      <c r="AC40" s="1">
        <v>8.6907128656631638</v>
      </c>
      <c r="AD40" s="1">
        <v>11.768368617683686</v>
      </c>
      <c r="AE40" s="1">
        <v>12.361331220285262</v>
      </c>
      <c r="AF40" s="1">
        <v>74</v>
      </c>
      <c r="AG40" s="1">
        <v>76.174999999999997</v>
      </c>
      <c r="AH40" s="1">
        <v>67.5</v>
      </c>
      <c r="AI40" s="1">
        <v>41.333333333333336</v>
      </c>
      <c r="AJ40" s="1">
        <v>1259.3333333333333</v>
      </c>
      <c r="AK40" s="1">
        <v>20.074306304369212</v>
      </c>
      <c r="AL40" s="1">
        <v>18.333333333333332</v>
      </c>
      <c r="AM40" s="1">
        <v>2036.6666666666667</v>
      </c>
      <c r="AN40" s="1">
        <v>5.419349945464405</v>
      </c>
      <c r="AO40" s="1">
        <v>29.833333333333332</v>
      </c>
      <c r="AP40" s="1">
        <v>1648</v>
      </c>
      <c r="AQ40" s="1">
        <v>10.940137567877372</v>
      </c>
      <c r="AR40" s="1">
        <v>72.558333333333337</v>
      </c>
    </row>
    <row r="41" spans="1:44" x14ac:dyDescent="0.3">
      <c r="A41" s="2">
        <v>0</v>
      </c>
      <c r="B41" s="1">
        <v>40</v>
      </c>
      <c r="C41" s="1">
        <v>20</v>
      </c>
      <c r="D41" s="1">
        <v>1</v>
      </c>
      <c r="E41" s="1">
        <v>51</v>
      </c>
      <c r="F41" s="1">
        <v>44</v>
      </c>
      <c r="G41" s="1">
        <v>38</v>
      </c>
      <c r="H41" s="1">
        <v>1033</v>
      </c>
      <c r="I41" s="1">
        <v>1242</v>
      </c>
      <c r="J41" s="1">
        <v>879</v>
      </c>
      <c r="K41" s="1">
        <v>29.622458857696035</v>
      </c>
      <c r="L41" s="1">
        <v>21.256038647342994</v>
      </c>
      <c r="M41" s="1">
        <v>25.938566552901026</v>
      </c>
      <c r="N41" s="1">
        <v>44</v>
      </c>
      <c r="O41" s="1">
        <v>38</v>
      </c>
      <c r="P41" s="1">
        <v>41</v>
      </c>
      <c r="Q41" s="1">
        <v>1811</v>
      </c>
      <c r="R41" s="1">
        <v>1975</v>
      </c>
      <c r="S41" s="1">
        <v>1697</v>
      </c>
      <c r="T41" s="1">
        <v>14.577581446714522</v>
      </c>
      <c r="U41" s="1">
        <v>11.544303797468354</v>
      </c>
      <c r="V41" s="1">
        <v>14.496169711255156</v>
      </c>
      <c r="W41" s="1">
        <v>47.5</v>
      </c>
      <c r="X41" s="1">
        <v>41</v>
      </c>
      <c r="Y41" s="1">
        <v>39.5</v>
      </c>
      <c r="Z41" s="1">
        <v>1422</v>
      </c>
      <c r="AA41" s="1">
        <v>1608.5</v>
      </c>
      <c r="AB41" s="1">
        <v>1288</v>
      </c>
      <c r="AC41" s="1">
        <v>20.042194092827003</v>
      </c>
      <c r="AD41" s="1">
        <v>15.293751942803853</v>
      </c>
      <c r="AE41" s="1">
        <v>18.40062111801242</v>
      </c>
      <c r="AF41" s="1">
        <v>65.575000000000003</v>
      </c>
      <c r="AG41" s="1">
        <v>65.224999999999994</v>
      </c>
      <c r="AH41" s="1">
        <v>48.5</v>
      </c>
      <c r="AI41" s="1">
        <v>44.333333333333336</v>
      </c>
      <c r="AJ41" s="1">
        <v>1051.3333333333333</v>
      </c>
      <c r="AK41" s="1">
        <v>25.605688019313352</v>
      </c>
      <c r="AL41" s="1">
        <v>41</v>
      </c>
      <c r="AM41" s="1">
        <v>1827.6666666666667</v>
      </c>
      <c r="AN41" s="1">
        <v>13.539351651812678</v>
      </c>
      <c r="AO41" s="1">
        <v>42.666666666666664</v>
      </c>
      <c r="AP41" s="1">
        <v>1439.5</v>
      </c>
      <c r="AQ41" s="1">
        <v>17.912189051214426</v>
      </c>
      <c r="AR41" s="1">
        <v>59.766666666666673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CF53F4-FA59-420C-A724-8E06C15E3A8D}">
  <dimension ref="A1:C44"/>
  <sheetViews>
    <sheetView workbookViewId="0">
      <selection activeCell="C14" sqref="C14"/>
    </sheetView>
  </sheetViews>
  <sheetFormatPr defaultRowHeight="14.4" x14ac:dyDescent="0.3"/>
  <cols>
    <col min="1" max="1" width="12.6640625" customWidth="1"/>
    <col min="2" max="2" width="62.33203125" customWidth="1"/>
    <col min="3" max="3" width="23.33203125" customWidth="1"/>
  </cols>
  <sheetData>
    <row r="1" spans="1:3" x14ac:dyDescent="0.3">
      <c r="A1" t="s">
        <v>0</v>
      </c>
      <c r="B1" t="s">
        <v>44</v>
      </c>
      <c r="C1" t="s">
        <v>87</v>
      </c>
    </row>
    <row r="2" spans="1:3" x14ac:dyDescent="0.3">
      <c r="A2" t="s">
        <v>1</v>
      </c>
      <c r="B2" t="s">
        <v>45</v>
      </c>
    </row>
    <row r="3" spans="1:3" x14ac:dyDescent="0.3">
      <c r="A3" t="s">
        <v>2</v>
      </c>
      <c r="B3" t="s">
        <v>46</v>
      </c>
    </row>
    <row r="4" spans="1:3" x14ac:dyDescent="0.3">
      <c r="A4" t="s">
        <v>3</v>
      </c>
      <c r="B4" t="s">
        <v>3</v>
      </c>
      <c r="C4" t="s">
        <v>88</v>
      </c>
    </row>
    <row r="5" spans="1:3" x14ac:dyDescent="0.3">
      <c r="A5" t="s">
        <v>4</v>
      </c>
      <c r="B5" t="s">
        <v>47</v>
      </c>
    </row>
    <row r="6" spans="1:3" x14ac:dyDescent="0.3">
      <c r="A6" t="s">
        <v>5</v>
      </c>
      <c r="B6" t="s">
        <v>48</v>
      </c>
    </row>
    <row r="7" spans="1:3" x14ac:dyDescent="0.3">
      <c r="A7" t="s">
        <v>6</v>
      </c>
      <c r="B7" t="s">
        <v>49</v>
      </c>
    </row>
    <row r="8" spans="1:3" x14ac:dyDescent="0.3">
      <c r="A8" t="s">
        <v>7</v>
      </c>
      <c r="B8" t="s">
        <v>50</v>
      </c>
    </row>
    <row r="9" spans="1:3" x14ac:dyDescent="0.3">
      <c r="A9" t="s">
        <v>8</v>
      </c>
      <c r="B9" t="s">
        <v>51</v>
      </c>
    </row>
    <row r="10" spans="1:3" x14ac:dyDescent="0.3">
      <c r="A10" t="s">
        <v>9</v>
      </c>
      <c r="B10" t="s">
        <v>52</v>
      </c>
    </row>
    <row r="11" spans="1:3" x14ac:dyDescent="0.3">
      <c r="A11" t="s">
        <v>10</v>
      </c>
      <c r="B11" t="s">
        <v>53</v>
      </c>
    </row>
    <row r="12" spans="1:3" x14ac:dyDescent="0.3">
      <c r="A12" t="s">
        <v>11</v>
      </c>
      <c r="B12" t="s">
        <v>54</v>
      </c>
    </row>
    <row r="13" spans="1:3" x14ac:dyDescent="0.3">
      <c r="A13" t="s">
        <v>12</v>
      </c>
      <c r="B13" t="s">
        <v>55</v>
      </c>
    </row>
    <row r="14" spans="1:3" x14ac:dyDescent="0.3">
      <c r="A14" t="s">
        <v>13</v>
      </c>
      <c r="B14" t="s">
        <v>56</v>
      </c>
    </row>
    <row r="15" spans="1:3" x14ac:dyDescent="0.3">
      <c r="A15" t="s">
        <v>14</v>
      </c>
      <c r="B15" t="s">
        <v>57</v>
      </c>
    </row>
    <row r="16" spans="1:3" x14ac:dyDescent="0.3">
      <c r="A16" t="s">
        <v>15</v>
      </c>
      <c r="B16" t="s">
        <v>58</v>
      </c>
    </row>
    <row r="17" spans="1:2" x14ac:dyDescent="0.3">
      <c r="A17" t="s">
        <v>16</v>
      </c>
      <c r="B17" t="s">
        <v>59</v>
      </c>
    </row>
    <row r="18" spans="1:2" x14ac:dyDescent="0.3">
      <c r="A18" t="s">
        <v>17</v>
      </c>
      <c r="B18" t="s">
        <v>60</v>
      </c>
    </row>
    <row r="19" spans="1:2" x14ac:dyDescent="0.3">
      <c r="A19" t="s">
        <v>18</v>
      </c>
      <c r="B19" t="s">
        <v>61</v>
      </c>
    </row>
    <row r="20" spans="1:2" x14ac:dyDescent="0.3">
      <c r="A20" t="s">
        <v>19</v>
      </c>
      <c r="B20" t="s">
        <v>62</v>
      </c>
    </row>
    <row r="21" spans="1:2" x14ac:dyDescent="0.3">
      <c r="A21" t="s">
        <v>20</v>
      </c>
      <c r="B21" t="s">
        <v>63</v>
      </c>
    </row>
    <row r="22" spans="1:2" x14ac:dyDescent="0.3">
      <c r="A22" t="s">
        <v>21</v>
      </c>
      <c r="B22" t="s">
        <v>64</v>
      </c>
    </row>
    <row r="23" spans="1:2" x14ac:dyDescent="0.3">
      <c r="A23" t="s">
        <v>22</v>
      </c>
      <c r="B23" t="s">
        <v>65</v>
      </c>
    </row>
    <row r="24" spans="1:2" x14ac:dyDescent="0.3">
      <c r="A24" t="s">
        <v>23</v>
      </c>
      <c r="B24" t="s">
        <v>66</v>
      </c>
    </row>
    <row r="25" spans="1:2" x14ac:dyDescent="0.3">
      <c r="A25" t="s">
        <v>24</v>
      </c>
      <c r="B25" t="s">
        <v>67</v>
      </c>
    </row>
    <row r="26" spans="1:2" x14ac:dyDescent="0.3">
      <c r="A26" t="s">
        <v>25</v>
      </c>
      <c r="B26" t="s">
        <v>68</v>
      </c>
    </row>
    <row r="27" spans="1:2" x14ac:dyDescent="0.3">
      <c r="A27" t="s">
        <v>26</v>
      </c>
      <c r="B27" t="s">
        <v>69</v>
      </c>
    </row>
    <row r="28" spans="1:2" x14ac:dyDescent="0.3">
      <c r="A28" t="s">
        <v>27</v>
      </c>
      <c r="B28" t="s">
        <v>70</v>
      </c>
    </row>
    <row r="29" spans="1:2" x14ac:dyDescent="0.3">
      <c r="A29" t="s">
        <v>28</v>
      </c>
      <c r="B29" t="s">
        <v>71</v>
      </c>
    </row>
    <row r="30" spans="1:2" x14ac:dyDescent="0.3">
      <c r="A30" t="s">
        <v>29</v>
      </c>
      <c r="B30" t="s">
        <v>72</v>
      </c>
    </row>
    <row r="31" spans="1:2" x14ac:dyDescent="0.3">
      <c r="A31" t="s">
        <v>30</v>
      </c>
      <c r="B31" t="s">
        <v>73</v>
      </c>
    </row>
    <row r="32" spans="1:2" x14ac:dyDescent="0.3">
      <c r="A32" t="s">
        <v>31</v>
      </c>
      <c r="B32" t="s">
        <v>74</v>
      </c>
    </row>
    <row r="33" spans="1:2" x14ac:dyDescent="0.3">
      <c r="A33" t="s">
        <v>32</v>
      </c>
      <c r="B33" t="s">
        <v>75</v>
      </c>
    </row>
    <row r="34" spans="1:2" x14ac:dyDescent="0.3">
      <c r="A34" t="s">
        <v>33</v>
      </c>
      <c r="B34" t="s">
        <v>76</v>
      </c>
    </row>
    <row r="35" spans="1:2" x14ac:dyDescent="0.3">
      <c r="A35" t="s">
        <v>34</v>
      </c>
      <c r="B35" t="s">
        <v>77</v>
      </c>
    </row>
    <row r="36" spans="1:2" x14ac:dyDescent="0.3">
      <c r="A36" t="s">
        <v>35</v>
      </c>
      <c r="B36" t="s">
        <v>78</v>
      </c>
    </row>
    <row r="37" spans="1:2" x14ac:dyDescent="0.3">
      <c r="A37" t="s">
        <v>36</v>
      </c>
      <c r="B37" t="s">
        <v>79</v>
      </c>
    </row>
    <row r="38" spans="1:2" x14ac:dyDescent="0.3">
      <c r="A38" t="s">
        <v>37</v>
      </c>
      <c r="B38" t="s">
        <v>80</v>
      </c>
    </row>
    <row r="39" spans="1:2" x14ac:dyDescent="0.3">
      <c r="A39" t="s">
        <v>38</v>
      </c>
      <c r="B39" t="s">
        <v>81</v>
      </c>
    </row>
    <row r="40" spans="1:2" x14ac:dyDescent="0.3">
      <c r="A40" t="s">
        <v>39</v>
      </c>
      <c r="B40" t="s">
        <v>82</v>
      </c>
    </row>
    <row r="41" spans="1:2" x14ac:dyDescent="0.3">
      <c r="A41" t="s">
        <v>40</v>
      </c>
      <c r="B41" t="s">
        <v>83</v>
      </c>
    </row>
    <row r="42" spans="1:2" x14ac:dyDescent="0.3">
      <c r="A42" t="s">
        <v>41</v>
      </c>
      <c r="B42" t="s">
        <v>84</v>
      </c>
    </row>
    <row r="43" spans="1:2" x14ac:dyDescent="0.3">
      <c r="A43" t="s">
        <v>42</v>
      </c>
      <c r="B43" t="s">
        <v>85</v>
      </c>
    </row>
    <row r="44" spans="1:2" x14ac:dyDescent="0.3">
      <c r="A44" t="s">
        <v>43</v>
      </c>
      <c r="B44" t="s">
        <v>86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ata experiment 1</vt:lpstr>
      <vt:lpstr>labels</vt:lpstr>
    </vt:vector>
  </TitlesOfParts>
  <Company>IBM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BM SPSS Export Facility</dc:creator>
  <cp:lastModifiedBy>Nickile Olthof</cp:lastModifiedBy>
  <dcterms:created xsi:type="dcterms:W3CDTF">2011-08-01T14:22:18Z</dcterms:created>
  <dcterms:modified xsi:type="dcterms:W3CDTF">2021-07-23T18:30:10Z</dcterms:modified>
</cp:coreProperties>
</file>